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932"/>
  <workbookPr/>
  <mc:AlternateContent xmlns:mc="http://schemas.openxmlformats.org/markup-compatibility/2006">
    <mc:Choice Requires="x15">
      <x15ac:absPath xmlns:x15ac="http://schemas.microsoft.com/office/spreadsheetml/2010/11/ac" url="J:\s1\令和７年度フォルダ\衛生指導係\4 庶務\オープンデータ\R7\R7.9公開\"/>
    </mc:Choice>
  </mc:AlternateContent>
  <xr:revisionPtr revIDLastSave="0" documentId="13_ncr:1_{04B6ADCD-4B81-4693-882F-420A2FDF6A80}" xr6:coauthVersionLast="47" xr6:coauthVersionMax="47" xr10:uidLastSave="{00000000-0000-0000-0000-000000000000}"/>
  <bookViews>
    <workbookView xWindow="1380" yWindow="465" windowWidth="21600" windowHeight="11295" xr2:uid="{00000000-000D-0000-FFFF-FFFF00000000}"/>
  </bookViews>
  <sheets>
    <sheet name="クリーニング" sheetId="12" r:id="rId1"/>
  </sheets>
  <definedNames>
    <definedName name="クリーニング台帳一覧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99" uniqueCount="736">
  <si>
    <t>ヤングドライ　大阪屋新庄店</t>
  </si>
  <si>
    <t>富山市粟島３－６－２</t>
  </si>
  <si>
    <t>富山市西宮１１８</t>
  </si>
  <si>
    <t>富山市森８２１</t>
  </si>
  <si>
    <t>富山市新屋４７－２</t>
  </si>
  <si>
    <t>富山大学付属病院南病棟１階</t>
  </si>
  <si>
    <t>富山県富山市森８２１</t>
  </si>
  <si>
    <t>はりとら</t>
  </si>
  <si>
    <t>富山市黒瀬４６９－２</t>
  </si>
  <si>
    <t>富山第一ドライ　新田営業所</t>
  </si>
  <si>
    <t>4021</t>
  </si>
  <si>
    <t>0185</t>
  </si>
  <si>
    <t>0122</t>
  </si>
  <si>
    <t>富山市八尾町井田９７４－１</t>
  </si>
  <si>
    <t>2048</t>
  </si>
  <si>
    <t>富山市明輪町１－２３１</t>
    <rPh sb="0" eb="3">
      <t>トヤマシ</t>
    </rPh>
    <rPh sb="3" eb="6">
      <t>メイリンチョウ</t>
    </rPh>
    <phoneticPr fontId="2"/>
  </si>
  <si>
    <t>富山市町村７５－２</t>
  </si>
  <si>
    <t>クリーニング愛　経堂店</t>
    <rPh sb="6" eb="7">
      <t>アイ</t>
    </rPh>
    <phoneticPr fontId="2"/>
  </si>
  <si>
    <t>富山市草島５－５</t>
  </si>
  <si>
    <t>富山市五福５１６０</t>
  </si>
  <si>
    <t>ホープクリーニング富山寺町店</t>
  </si>
  <si>
    <t>富山第一ドライりっくすかきした店</t>
  </si>
  <si>
    <t>ヤングドライ　堀店</t>
  </si>
  <si>
    <t>富山市飯野２０</t>
  </si>
  <si>
    <t>富山市三室荒屋１１</t>
  </si>
  <si>
    <t>4026</t>
  </si>
  <si>
    <t>0247</t>
  </si>
  <si>
    <t>0187</t>
  </si>
  <si>
    <t>富山市本郷町４０９－１</t>
  </si>
  <si>
    <t>松永クリーニング店</t>
  </si>
  <si>
    <t>富山市田中町１６１－３</t>
  </si>
  <si>
    <t>ヤングドライ富山南店</t>
  </si>
  <si>
    <t>ヤングドライ</t>
  </si>
  <si>
    <t>富山市山室２２６－２</t>
  </si>
  <si>
    <t>富山市愛宕町２―１―２０</t>
  </si>
  <si>
    <t>1156</t>
  </si>
  <si>
    <t>ホープクリーニング婦中長沢店</t>
  </si>
  <si>
    <t>ヤングドライ北代店</t>
  </si>
  <si>
    <t>パールクリーニング</t>
  </si>
  <si>
    <t>ＭＡＲＯＯＴ１Ｆ</t>
  </si>
  <si>
    <t>0272</t>
  </si>
  <si>
    <t>富山市堀川小泉２区３－１４</t>
  </si>
  <si>
    <t>季工房（こよみこうぼう）</t>
  </si>
  <si>
    <t>（株）丸八ハートフル　富山北店</t>
    <rPh sb="3" eb="5">
      <t>マルハチ</t>
    </rPh>
    <phoneticPr fontId="2"/>
  </si>
  <si>
    <t>富山市秋吉４７－１</t>
  </si>
  <si>
    <t>0101</t>
  </si>
  <si>
    <t>富山市総曲輪２ー３ー１６</t>
  </si>
  <si>
    <t>0191</t>
  </si>
  <si>
    <t>ホームドライ中布目店</t>
  </si>
  <si>
    <t>富山市東田地方１－３－２０</t>
  </si>
  <si>
    <t>富山市泉町２ー３ー１５</t>
  </si>
  <si>
    <t>富山市婦中町上田島５０</t>
  </si>
  <si>
    <t>ヤングドライファボーレ</t>
  </si>
  <si>
    <t>富山市大泉中町１－３</t>
  </si>
  <si>
    <t>㈱東京クリーニング商会</t>
  </si>
  <si>
    <t>富山市上飯野１１－２</t>
  </si>
  <si>
    <t>富山県富山市上千俵町１６－２</t>
  </si>
  <si>
    <t>0081</t>
  </si>
  <si>
    <t>しあわせ商事㈲</t>
  </si>
  <si>
    <t>富山市布市７６０</t>
  </si>
  <si>
    <t>クリーニング所</t>
  </si>
  <si>
    <t>富山市水橋桜木１８０</t>
  </si>
  <si>
    <t>取次所</t>
  </si>
  <si>
    <t>タネクリーニング</t>
  </si>
  <si>
    <t>㈲種ドライクリーニング工場</t>
  </si>
  <si>
    <t>高橋クリーニング店</t>
  </si>
  <si>
    <t>魚津市緑町</t>
  </si>
  <si>
    <t>富山市大泉中部１３０</t>
  </si>
  <si>
    <t>0121</t>
  </si>
  <si>
    <t>富山市千歳町２－３－５</t>
  </si>
  <si>
    <t>富山第一ドライ藤の木店</t>
  </si>
  <si>
    <t>富山市住吉町１－２－１４</t>
  </si>
  <si>
    <t>0031</t>
  </si>
  <si>
    <t>富山市五福３区５１１５</t>
  </si>
  <si>
    <t>富山第一ドライ　井田店</t>
  </si>
  <si>
    <t>富山市黒瀬４６０－１</t>
  </si>
  <si>
    <t>都屋クリーニング</t>
  </si>
  <si>
    <t>富山市豊田町一丁目４－４０</t>
    <rPh sb="0" eb="3">
      <t>トヤマシ</t>
    </rPh>
    <rPh sb="3" eb="6">
      <t>トヨタマチ</t>
    </rPh>
    <rPh sb="6" eb="9">
      <t>イッチョウメ</t>
    </rPh>
    <phoneticPr fontId="2"/>
  </si>
  <si>
    <t>第一ドライ　ワコー店</t>
  </si>
  <si>
    <t>クリーニングのベルドライ</t>
  </si>
  <si>
    <t>（株）北陸シー・アイ・シー研究所</t>
  </si>
  <si>
    <t>0016</t>
  </si>
  <si>
    <t>富山市町村２４３</t>
  </si>
  <si>
    <t>ヤングドライグリーンモール</t>
  </si>
  <si>
    <t>西野クリーニング店</t>
  </si>
  <si>
    <t>かどやクリーナ</t>
  </si>
  <si>
    <t>有限会社　種ドライクリーニング工場</t>
  </si>
  <si>
    <t>富山市森字吉内割８２１</t>
  </si>
  <si>
    <t>ヤングドライ大町店</t>
  </si>
  <si>
    <t>富山市森４－７３５</t>
  </si>
  <si>
    <t>0261</t>
  </si>
  <si>
    <t>横堀クリーニング</t>
  </si>
  <si>
    <t>富山市西二俣９１４</t>
  </si>
  <si>
    <t>富山市八尾町新田２４１</t>
  </si>
  <si>
    <t>0027</t>
  </si>
  <si>
    <t>ヤングドライ　大阪屋五福店</t>
    <rPh sb="7" eb="9">
      <t>オオサカ</t>
    </rPh>
    <rPh sb="9" eb="10">
      <t>ヤ</t>
    </rPh>
    <rPh sb="10" eb="12">
      <t>ゴフク</t>
    </rPh>
    <rPh sb="12" eb="13">
      <t>テン</t>
    </rPh>
    <phoneticPr fontId="2"/>
  </si>
  <si>
    <t>富山市荒川常盤台２－８４</t>
  </si>
  <si>
    <t>0222</t>
  </si>
  <si>
    <t>ヤングドライ　赤田店</t>
  </si>
  <si>
    <t>富山市新庄町１－１８－１１</t>
  </si>
  <si>
    <t>富山市婦中町板倉４５５－１</t>
  </si>
  <si>
    <t>0058</t>
  </si>
  <si>
    <t>0305</t>
  </si>
  <si>
    <t>富山市東町１－４－１７</t>
  </si>
  <si>
    <t>富山市花園町３ー４ー１７</t>
  </si>
  <si>
    <t>ヤングドライ　ランボー北の森店</t>
  </si>
  <si>
    <t>0266</t>
  </si>
  <si>
    <t>富山市大泉本町２－１－２５</t>
  </si>
  <si>
    <t>0251</t>
  </si>
  <si>
    <t>3820</t>
  </si>
  <si>
    <t>0025</t>
  </si>
  <si>
    <t>富山市上飯野３６ー４</t>
  </si>
  <si>
    <t>富山市新根塚町２－９－９</t>
  </si>
  <si>
    <t>(有）富山第一ドライクリーニング</t>
  </si>
  <si>
    <t>ヤングドライ浦上店</t>
  </si>
  <si>
    <t>富山市野々上15</t>
    <rPh sb="0" eb="3">
      <t>トヤマシ</t>
    </rPh>
    <rPh sb="3" eb="6">
      <t>ノノウエ</t>
    </rPh>
    <phoneticPr fontId="2"/>
  </si>
  <si>
    <t>0294</t>
  </si>
  <si>
    <t>0303</t>
  </si>
  <si>
    <t>おしゃれ工房　おくだ店</t>
  </si>
  <si>
    <t>富山市四ツ葉町８ー３０</t>
  </si>
  <si>
    <t>ヤングドライ　富山東店</t>
  </si>
  <si>
    <t>富山市於保多町３－１３</t>
  </si>
  <si>
    <t>0060</t>
  </si>
  <si>
    <t>はり新</t>
  </si>
  <si>
    <t>0137</t>
  </si>
  <si>
    <t>0095</t>
  </si>
  <si>
    <t>0279</t>
  </si>
  <si>
    <t>株式会社　ダスキン北陸　</t>
  </si>
  <si>
    <t>富山市東田地方町１－５－２</t>
  </si>
  <si>
    <t>ヤングドライ千石町店</t>
  </si>
  <si>
    <t>富山市赤江町２－１９</t>
  </si>
  <si>
    <t>株式会社　ヤングドライ</t>
  </si>
  <si>
    <t>クリーニングＫＩＴＡＧＡＷＡ</t>
  </si>
  <si>
    <t>富山市中田一丁目5-20</t>
    <rPh sb="0" eb="3">
      <t>トヤマシ</t>
    </rPh>
    <rPh sb="3" eb="5">
      <t>ナカダ</t>
    </rPh>
    <rPh sb="5" eb="8">
      <t>１チョウメ</t>
    </rPh>
    <phoneticPr fontId="2"/>
  </si>
  <si>
    <t>0256</t>
  </si>
  <si>
    <t>富山市上袋２３７</t>
  </si>
  <si>
    <t>ホープクリーニング店</t>
  </si>
  <si>
    <t>0230</t>
  </si>
  <si>
    <t>0265</t>
  </si>
  <si>
    <t>神奈川県横浜市港北区新横浜３－８－１２</t>
  </si>
  <si>
    <t>ヤングドライ　アリス店</t>
  </si>
  <si>
    <t>富山市才覚寺２１１－２</t>
  </si>
  <si>
    <t>株式会社　北陸白洋舎</t>
  </si>
  <si>
    <t>ヤングドライハイトマト経堂店</t>
  </si>
  <si>
    <t>0250</t>
  </si>
  <si>
    <t>ヤングドライ　ハイトマト呉羽店</t>
  </si>
  <si>
    <t>0052</t>
  </si>
  <si>
    <t>富山県富山市呉羽町７３０５</t>
  </si>
  <si>
    <t>富山市城村１５－７</t>
  </si>
  <si>
    <t>4406</t>
  </si>
  <si>
    <t>富山市新川原町４－１３</t>
  </si>
  <si>
    <t>ホープクリーニング婦中蛍川店</t>
  </si>
  <si>
    <t>富山市八尾町井田５８０－１</t>
  </si>
  <si>
    <t>5363</t>
  </si>
  <si>
    <t>富山市水橋市江４７　ミューズ</t>
  </si>
  <si>
    <t>富山市呉羽東町７３０５</t>
  </si>
  <si>
    <t>0283</t>
  </si>
  <si>
    <t>横田クリーニング商会</t>
  </si>
  <si>
    <t>富山市野町６５３－１</t>
  </si>
  <si>
    <t>3046</t>
  </si>
  <si>
    <t>0022</t>
  </si>
  <si>
    <t>加賀屋クリーニング店</t>
  </si>
  <si>
    <t>0199</t>
  </si>
  <si>
    <t>ホープクリーニング　堀店</t>
  </si>
  <si>
    <t>加美屋クリーニングセンター</t>
  </si>
  <si>
    <t>佐竹クリーニング店</t>
  </si>
  <si>
    <t>0225</t>
  </si>
  <si>
    <t>おそうじと洗濯代行のサクラクリーニング</t>
  </si>
  <si>
    <t>1331</t>
  </si>
  <si>
    <t>3773</t>
  </si>
  <si>
    <t>富山県富山市赤江町２－１９</t>
  </si>
  <si>
    <t>0183</t>
  </si>
  <si>
    <t>富山市田中町１－６－１４</t>
  </si>
  <si>
    <t>㈱北陸白洋舎</t>
  </si>
  <si>
    <t>富山市田畠１５</t>
  </si>
  <si>
    <t>㈱淀川ランドリー</t>
  </si>
  <si>
    <t>0018</t>
  </si>
  <si>
    <t>富山市岩瀬文化町２０</t>
  </si>
  <si>
    <t>0229</t>
  </si>
  <si>
    <t>0277</t>
  </si>
  <si>
    <t>富山市本郷町５５ー１</t>
  </si>
  <si>
    <t>富山市柳町３－７－１５</t>
  </si>
  <si>
    <t>富山市杉谷２６３０</t>
  </si>
  <si>
    <t>ヤングドライアピタ店</t>
  </si>
  <si>
    <t>ホワイトランドリー</t>
  </si>
  <si>
    <t>山中島クリーニング店</t>
  </si>
  <si>
    <t>種クリーニング</t>
  </si>
  <si>
    <t>4151</t>
  </si>
  <si>
    <t>0130</t>
  </si>
  <si>
    <t>クリーニング洗</t>
  </si>
  <si>
    <t>4574</t>
  </si>
  <si>
    <t>0263</t>
  </si>
  <si>
    <t>富山市向新庄町７－２－２８</t>
  </si>
  <si>
    <t>富山市堀川町２０３－７</t>
  </si>
  <si>
    <t>0278</t>
  </si>
  <si>
    <t>0216</t>
  </si>
  <si>
    <t>森元クリーニング</t>
  </si>
  <si>
    <t>富山市富田町１７５－７</t>
  </si>
  <si>
    <t>0535</t>
  </si>
  <si>
    <t>（株）ホームドライ富山　奥田店</t>
  </si>
  <si>
    <t>富山市野町653-1</t>
    <rPh sb="0" eb="3">
      <t>トヤマシ</t>
    </rPh>
    <rPh sb="3" eb="4">
      <t>ノ</t>
    </rPh>
    <rPh sb="4" eb="5">
      <t>マチ</t>
    </rPh>
    <phoneticPr fontId="2"/>
  </si>
  <si>
    <t>富山市上袋１００－１</t>
  </si>
  <si>
    <t>富山市桜町２－２－１２</t>
  </si>
  <si>
    <t>富山第一ドライ　大阪屋ショップ秋吉店</t>
  </si>
  <si>
    <t>富山市星井町１－１－１０</t>
  </si>
  <si>
    <t>5501</t>
  </si>
  <si>
    <t>富山市堀川町２０３ー７</t>
  </si>
  <si>
    <t>富山県富山市田中町１－６－１４</t>
  </si>
  <si>
    <t>富山市内一円</t>
  </si>
  <si>
    <t>富山市総曲輪３－５－８</t>
  </si>
  <si>
    <t>富山市新根塚町二丁目２－２</t>
    <rPh sb="0" eb="3">
      <t>トヤマシ</t>
    </rPh>
    <rPh sb="3" eb="7">
      <t>シンネヅカマチ</t>
    </rPh>
    <rPh sb="7" eb="10">
      <t>ニチョウメ</t>
    </rPh>
    <phoneticPr fontId="2"/>
  </si>
  <si>
    <t>種産業バロー本郷店</t>
  </si>
  <si>
    <t>富山県富山市森字吉内割８２１</t>
  </si>
  <si>
    <t>舟崎クリーニング</t>
  </si>
  <si>
    <t>魚津市村木５９７</t>
  </si>
  <si>
    <t>小島クリーニング富山店</t>
  </si>
  <si>
    <t>富山市安野屋町２－６－５</t>
  </si>
  <si>
    <t>富山市中野新町２－４０</t>
  </si>
  <si>
    <t>日本特殊軽電　株式会社　</t>
    <rPh sb="2" eb="4">
      <t>トクシュ</t>
    </rPh>
    <rPh sb="4" eb="5">
      <t>ケイ</t>
    </rPh>
    <rPh sb="5" eb="6">
      <t>デン</t>
    </rPh>
    <phoneticPr fontId="2"/>
  </si>
  <si>
    <t>富山市天正寺１０７２</t>
    <rPh sb="0" eb="3">
      <t>トヤマシ</t>
    </rPh>
    <rPh sb="3" eb="6">
      <t>テンショウジ</t>
    </rPh>
    <phoneticPr fontId="2"/>
  </si>
  <si>
    <t>富山県富山市野町６５３－１</t>
  </si>
  <si>
    <t>0326</t>
  </si>
  <si>
    <t>ヤングドライ　はたけやまでんき店</t>
  </si>
  <si>
    <t>富山市水橋市田袋１５－５１</t>
  </si>
  <si>
    <t>0166</t>
  </si>
  <si>
    <t>ヤングドライ　婦中速星店</t>
    <rPh sb="7" eb="9">
      <t>フチュウ</t>
    </rPh>
    <rPh sb="9" eb="11">
      <t>ハヤホシ</t>
    </rPh>
    <rPh sb="11" eb="12">
      <t>テン</t>
    </rPh>
    <phoneticPr fontId="2"/>
  </si>
  <si>
    <t>富山市長附１６２－４</t>
  </si>
  <si>
    <t>ヤングドライ　アピア店（仮）</t>
    <rPh sb="10" eb="11">
      <t>テン</t>
    </rPh>
    <rPh sb="12" eb="13">
      <t>カリ</t>
    </rPh>
    <phoneticPr fontId="2"/>
  </si>
  <si>
    <t>有限会社　富山第一ドライクリーニング</t>
  </si>
  <si>
    <t>富山県魚津市三ケ７３９ー１</t>
  </si>
  <si>
    <t>0116</t>
  </si>
  <si>
    <t>浦嶋クリーニング</t>
  </si>
  <si>
    <t>ヤングドライ　コットンみうら</t>
  </si>
  <si>
    <t>富山県富山市野々上１５</t>
  </si>
  <si>
    <t>0048</t>
  </si>
  <si>
    <t>富山市上本町２ー１７</t>
  </si>
  <si>
    <t>横浜市栄区公田町２５８</t>
  </si>
  <si>
    <t>富山市天正寺５４７ー１</t>
  </si>
  <si>
    <t>0289</t>
  </si>
  <si>
    <t>有限会社　クリーニングワタナベ－渡辺秀明</t>
  </si>
  <si>
    <t>おおのクリーニング商会</t>
  </si>
  <si>
    <t>0056</t>
  </si>
  <si>
    <t>有限会社　日の出屋クリーニング</t>
  </si>
  <si>
    <t>富山第一ドライ富山口営業所</t>
  </si>
  <si>
    <t>0210</t>
  </si>
  <si>
    <t>富山市粟島町３－３９１－２</t>
  </si>
  <si>
    <t>株式会社　東京クリーニング商会</t>
  </si>
  <si>
    <t>ヤングドライ　高木店</t>
  </si>
  <si>
    <t>富山市婦中町下坂倉７０</t>
  </si>
  <si>
    <t>0192</t>
  </si>
  <si>
    <t>富山市黒瀬４９７－１０</t>
  </si>
  <si>
    <t>3511</t>
  </si>
  <si>
    <t>富山市四方町西野割２５</t>
  </si>
  <si>
    <t>魚津市三ケ７３９―１</t>
  </si>
  <si>
    <t>中央ビル２Ｆ</t>
  </si>
  <si>
    <t>おしゃれ工房　Ｖ・ドラッグ藤の木店</t>
  </si>
  <si>
    <t>ホープクリーニング古里店</t>
  </si>
  <si>
    <t>フトン巻きのジロー　新根塚店</t>
    <rPh sb="3" eb="4">
      <t>マ</t>
    </rPh>
    <rPh sb="10" eb="11">
      <t>シン</t>
    </rPh>
    <rPh sb="11" eb="12">
      <t>ネ</t>
    </rPh>
    <rPh sb="12" eb="13">
      <t>ヅカ</t>
    </rPh>
    <rPh sb="13" eb="14">
      <t>テン</t>
    </rPh>
    <phoneticPr fontId="2"/>
  </si>
  <si>
    <t>0205</t>
  </si>
  <si>
    <t>富山市桜谷みどり町１ー３４</t>
  </si>
  <si>
    <t>富山市宮尾３３２３</t>
  </si>
  <si>
    <t>富山市神通本町２－３－２２</t>
  </si>
  <si>
    <t>㈲クリーニングワタナベ</t>
  </si>
  <si>
    <t>富山市寺町６区５１１－３</t>
  </si>
  <si>
    <t>富山市藤代１－８</t>
  </si>
  <si>
    <t>富山市上大久保１２１０－１</t>
  </si>
  <si>
    <t>桑名　英治（富山４００た９５５７）</t>
  </si>
  <si>
    <t>ヤングドライ　サンショウ栄町店</t>
  </si>
  <si>
    <t>0296</t>
  </si>
  <si>
    <t>4963</t>
  </si>
  <si>
    <t>富山市呉羽町７３０６－２</t>
  </si>
  <si>
    <t>富山市大町２５８－１</t>
  </si>
  <si>
    <t>0193</t>
  </si>
  <si>
    <t>富山市赤田７４５</t>
  </si>
  <si>
    <t>1705</t>
  </si>
  <si>
    <t>富山市清水町８－１－１</t>
  </si>
  <si>
    <t>富山市婦中町田屋３５０－１</t>
  </si>
  <si>
    <t>2870</t>
  </si>
  <si>
    <t>おしゃれ工房　シメノ粟島店</t>
  </si>
  <si>
    <t>2932</t>
  </si>
  <si>
    <t>株式会社　ダスキン北陸　富山南営業所</t>
  </si>
  <si>
    <t>富山市蓮町４ー５１</t>
  </si>
  <si>
    <t>0061</t>
  </si>
  <si>
    <t>アバンス</t>
  </si>
  <si>
    <t>株式会社　牛島屋</t>
    <rPh sb="5" eb="7">
      <t>ウシジマ</t>
    </rPh>
    <rPh sb="7" eb="8">
      <t>ヤ</t>
    </rPh>
    <phoneticPr fontId="2"/>
  </si>
  <si>
    <t>富山市吉作１６６５－３</t>
  </si>
  <si>
    <t>(有)富山第一ドライクリーニング　福沢営業所</t>
  </si>
  <si>
    <t>0164</t>
  </si>
  <si>
    <t>4734</t>
  </si>
  <si>
    <t>富山市泉町１－３－１</t>
  </si>
  <si>
    <t>富山第一ドライ　八尾鏡町店</t>
  </si>
  <si>
    <t>おしゃれ工房　町村店</t>
  </si>
  <si>
    <t>1551</t>
  </si>
  <si>
    <t>1611</t>
  </si>
  <si>
    <t>第一クリーニング</t>
  </si>
  <si>
    <t>勝島　幹皓（富山４８０う９５９７）</t>
  </si>
  <si>
    <t>ホープクリーニング大泉店</t>
  </si>
  <si>
    <t>4439</t>
  </si>
  <si>
    <t>富山市八尾町水口５３３</t>
  </si>
  <si>
    <t>富山市大泉中町12-24</t>
    <rPh sb="0" eb="3">
      <t>トヤマシ</t>
    </rPh>
    <rPh sb="3" eb="5">
      <t>オオイズミ</t>
    </rPh>
    <phoneticPr fontId="2"/>
  </si>
  <si>
    <t>0198</t>
  </si>
  <si>
    <t>3224</t>
  </si>
  <si>
    <t>0044</t>
  </si>
  <si>
    <t>富山市雄山町８－８</t>
  </si>
  <si>
    <t>クリーニング　愛</t>
  </si>
  <si>
    <t>0244</t>
  </si>
  <si>
    <t>中央ドライ</t>
  </si>
  <si>
    <t>0246</t>
  </si>
  <si>
    <t>0248</t>
  </si>
  <si>
    <t>富山市秋吉６２－５</t>
  </si>
  <si>
    <t>富山市婦中町小長沢２７０３－２</t>
  </si>
  <si>
    <t>0252</t>
  </si>
  <si>
    <t>Ａ・クリーニング</t>
  </si>
  <si>
    <t>富山市飯野２－３</t>
  </si>
  <si>
    <t>富山第一ドライ　太郎丸店</t>
  </si>
  <si>
    <t>ホープクリーニング　富山新庄銀座店</t>
  </si>
  <si>
    <t>0215</t>
  </si>
  <si>
    <t>ふじやクリーニング</t>
  </si>
  <si>
    <t>東京都中央区日本橋富沢町8－8</t>
    <rPh sb="0" eb="3">
      <t>トウキョウト</t>
    </rPh>
    <rPh sb="3" eb="6">
      <t>チュウオウク</t>
    </rPh>
    <rPh sb="6" eb="9">
      <t>ニホンバシ</t>
    </rPh>
    <rPh sb="9" eb="11">
      <t>トミサワ</t>
    </rPh>
    <rPh sb="11" eb="12">
      <t>マチ</t>
    </rPh>
    <phoneticPr fontId="2"/>
  </si>
  <si>
    <t>ベルドライ</t>
  </si>
  <si>
    <t>富山市婦中町砂子田８１－２８３</t>
  </si>
  <si>
    <t>5461</t>
  </si>
  <si>
    <t>富山市窪新町６―４３</t>
  </si>
  <si>
    <t>ホープクリーニング磯部店</t>
  </si>
  <si>
    <t>白成舎（富山４５て７１８）</t>
  </si>
  <si>
    <t>5036</t>
  </si>
  <si>
    <t>富山市磯部町２―３―２７</t>
  </si>
  <si>
    <t>有限会社　ホープクリーニング富山</t>
  </si>
  <si>
    <t>3041</t>
  </si>
  <si>
    <t>0257</t>
  </si>
  <si>
    <t>0168</t>
  </si>
  <si>
    <t>富山市西長江３－２－３</t>
  </si>
  <si>
    <t>ホープクリーニング呉羽小学校前店</t>
  </si>
  <si>
    <t>富山市呉羽町６３９１</t>
  </si>
  <si>
    <t>0189</t>
  </si>
  <si>
    <t>0050</t>
  </si>
  <si>
    <t>富山市北新町２－３－１９</t>
  </si>
  <si>
    <t>0178</t>
  </si>
  <si>
    <t>0021</t>
  </si>
  <si>
    <t>ホープクリーニング新屋店</t>
  </si>
  <si>
    <t>富山市新屋１５６－４</t>
  </si>
  <si>
    <t>2714</t>
  </si>
  <si>
    <t>0212</t>
  </si>
  <si>
    <t>富山市公文名１－６</t>
  </si>
  <si>
    <t>ホワイト急便　根塚店</t>
  </si>
  <si>
    <t>4384</t>
  </si>
  <si>
    <t>富山市北新町１ー３ー１４</t>
  </si>
  <si>
    <t>クリーニングの布目</t>
    <rPh sb="7" eb="9">
      <t>ヌノメ</t>
    </rPh>
    <phoneticPr fontId="2"/>
  </si>
  <si>
    <t>ホープクリーニング　富山羽根店</t>
  </si>
  <si>
    <t>ホープクリーニング富山五福３区店</t>
  </si>
  <si>
    <t>2964</t>
  </si>
  <si>
    <t>ホームドライ布市店</t>
  </si>
  <si>
    <t>ヤングドライ　アルビス新庄店</t>
  </si>
  <si>
    <t>ホープクリーニング柳町</t>
  </si>
  <si>
    <t>ホープクリーニング雄山店</t>
  </si>
  <si>
    <t>富山市上袋６７６</t>
  </si>
  <si>
    <t>0298</t>
  </si>
  <si>
    <t>ヤングドライ　原信下飯野店</t>
    <rPh sb="7" eb="9">
      <t>ハラシン</t>
    </rPh>
    <rPh sb="9" eb="11">
      <t>シタメシ</t>
    </rPh>
    <rPh sb="11" eb="12">
      <t>ノ</t>
    </rPh>
    <rPh sb="12" eb="13">
      <t>テン</t>
    </rPh>
    <phoneticPr fontId="2"/>
  </si>
  <si>
    <t>0207</t>
  </si>
  <si>
    <t>0063</t>
  </si>
  <si>
    <t>0327</t>
  </si>
  <si>
    <t>富山市八尾町上井田４９３２－５</t>
  </si>
  <si>
    <t>富山市桜木町１３－１４</t>
  </si>
  <si>
    <t>富山市大泉２区１３７９</t>
  </si>
  <si>
    <t>有限会社　常盤本店</t>
  </si>
  <si>
    <t>富山市中布目３５</t>
  </si>
  <si>
    <t>4379</t>
  </si>
  <si>
    <t>0077</t>
  </si>
  <si>
    <t>ホワイト急便大阪屋ショップ呉羽店</t>
  </si>
  <si>
    <t>富山市北二ツ屋字万田割１４３</t>
  </si>
  <si>
    <t>富山市婦中町新屋５９</t>
  </si>
  <si>
    <t>富山市黒瀬３２２－２</t>
  </si>
  <si>
    <t>西川株式会社</t>
    <rPh sb="0" eb="2">
      <t>ニシカワ</t>
    </rPh>
    <rPh sb="2" eb="6">
      <t>カブシキガイシャ</t>
    </rPh>
    <phoneticPr fontId="2"/>
  </si>
  <si>
    <t>富山市水橋川原町４０ー６３</t>
  </si>
  <si>
    <t>富山市藤木２７０６</t>
  </si>
  <si>
    <t>富山第一ドライクリーニング角内店</t>
  </si>
  <si>
    <t>富山市常盤町４―１５</t>
  </si>
  <si>
    <t>富山市内幸町４―１３</t>
  </si>
  <si>
    <t>株式会社　ヤングドライ　</t>
  </si>
  <si>
    <t>4249</t>
  </si>
  <si>
    <t>富山市四ツ葉町８－３０</t>
  </si>
  <si>
    <t>0239</t>
  </si>
  <si>
    <t>0299</t>
  </si>
  <si>
    <t>富山市朝菜町６－２</t>
  </si>
  <si>
    <t>1874</t>
  </si>
  <si>
    <t>富山市本郷字東坪２４５９－７</t>
  </si>
  <si>
    <t>富山市常盤町４－１５</t>
  </si>
  <si>
    <t>富山第一ドライ　呉羽店</t>
  </si>
  <si>
    <t>富山市本郷２３９６－３</t>
    <rPh sb="0" eb="3">
      <t>トヤマシ</t>
    </rPh>
    <rPh sb="3" eb="5">
      <t>ホンゴウ</t>
    </rPh>
    <phoneticPr fontId="2"/>
  </si>
  <si>
    <t>0128</t>
  </si>
  <si>
    <t>富山市上飯野新町３－６７</t>
  </si>
  <si>
    <t>0153</t>
  </si>
  <si>
    <t>富山市呉羽７０２６</t>
  </si>
  <si>
    <t>タネクリーニング　北の森店</t>
  </si>
  <si>
    <t>0217</t>
  </si>
  <si>
    <t>0777</t>
  </si>
  <si>
    <t>0224</t>
  </si>
  <si>
    <t>富山県富山市三室荒屋１１</t>
  </si>
  <si>
    <t>富山市稲荷元町２－１１－１アピア店</t>
  </si>
  <si>
    <t>1716</t>
  </si>
  <si>
    <t>富山市布目１１３１</t>
  </si>
  <si>
    <t>5952</t>
  </si>
  <si>
    <t>㈲常盤本店</t>
  </si>
  <si>
    <t>ヤングドライ　バロー石坂店</t>
  </si>
  <si>
    <t>ヤングドライマックスバリュー上飯野店</t>
  </si>
  <si>
    <t>富山市下飯野３５６番地</t>
    <rPh sb="0" eb="3">
      <t>トヤマシ</t>
    </rPh>
    <rPh sb="3" eb="4">
      <t>シモ</t>
    </rPh>
    <rPh sb="4" eb="6">
      <t>イイノ</t>
    </rPh>
    <rPh sb="9" eb="11">
      <t>バンチ</t>
    </rPh>
    <phoneticPr fontId="2"/>
  </si>
  <si>
    <t>おしゃれ工房　アルビス大久保店</t>
  </si>
  <si>
    <t>富山第一ドライ向新庄店</t>
  </si>
  <si>
    <t>ホームドライ　不二越正面前店</t>
  </si>
  <si>
    <t>富山市小杉１３１－２</t>
  </si>
  <si>
    <t>富山市犬島４－２－２６</t>
  </si>
  <si>
    <t>富山市布瀬町南１－６－５</t>
  </si>
  <si>
    <t>水上　健司（富山４８０え６７６８）</t>
  </si>
  <si>
    <t>富山市五福１１４３－１</t>
  </si>
  <si>
    <t>富山市栄町３－２－２９</t>
  </si>
  <si>
    <t>0129</t>
  </si>
  <si>
    <t>ヤングドライ　やまべ店</t>
  </si>
  <si>
    <t>ヤングドライ　吉田ふとん店</t>
  </si>
  <si>
    <t>0028</t>
  </si>
  <si>
    <t>富山市牛島新町３ー２７</t>
  </si>
  <si>
    <t>0260</t>
  </si>
  <si>
    <t>0049</t>
  </si>
  <si>
    <t>富山市新庄町３－６－５０</t>
  </si>
  <si>
    <t>0046</t>
  </si>
  <si>
    <t>ヤングドライアピタ食品館</t>
  </si>
  <si>
    <t>0068</t>
  </si>
  <si>
    <t>8100</t>
  </si>
  <si>
    <t>0290</t>
  </si>
  <si>
    <t>富山市掛尾町６７</t>
  </si>
  <si>
    <t>0295</t>
  </si>
  <si>
    <t>富山市森三丁目３－６１</t>
    <rPh sb="4" eb="7">
      <t>サンチョウメ</t>
    </rPh>
    <phoneticPr fontId="2"/>
  </si>
  <si>
    <t>牛島屋　舞夢館</t>
    <rPh sb="0" eb="2">
      <t>ウシジマ</t>
    </rPh>
    <rPh sb="2" eb="3">
      <t>ヤ</t>
    </rPh>
    <rPh sb="4" eb="5">
      <t>マイ</t>
    </rPh>
    <rPh sb="5" eb="6">
      <t>ユメ</t>
    </rPh>
    <rPh sb="6" eb="7">
      <t>カン</t>
    </rPh>
    <phoneticPr fontId="2"/>
  </si>
  <si>
    <t>富山市経堂１－２５１</t>
  </si>
  <si>
    <t>0196</t>
  </si>
  <si>
    <t>富山市上飯野４１ー５</t>
  </si>
  <si>
    <t>0019</t>
  </si>
  <si>
    <t>富山市北代３区３８４１－２</t>
  </si>
  <si>
    <t>ヤングドライ営業所大阪屋本郷南店</t>
  </si>
  <si>
    <t>富山市本郷町７５ー１</t>
  </si>
  <si>
    <t>ヤングドライ花園店</t>
  </si>
  <si>
    <t>富山市開５９２</t>
  </si>
  <si>
    <t>ヤングドライ　神通本町店</t>
  </si>
  <si>
    <t>0135</t>
  </si>
  <si>
    <t>0274</t>
  </si>
  <si>
    <t>富山市藤木新町７ー２</t>
  </si>
  <si>
    <t>富山市堀川小泉１区４２</t>
  </si>
  <si>
    <t>富山市上滝８３</t>
  </si>
  <si>
    <t>0264</t>
  </si>
  <si>
    <t>ヤングドライ水橋ミューズ店</t>
  </si>
  <si>
    <t>富山市堤町通り２－６－３</t>
  </si>
  <si>
    <t>富山市千石町３―７―１９</t>
  </si>
  <si>
    <t>0181</t>
  </si>
  <si>
    <t>富山県富山市才覚寺２１１－２</t>
  </si>
  <si>
    <t>牛丸クリーニング</t>
  </si>
  <si>
    <t>富山市上冨居一丁目３２－１２</t>
    <rPh sb="0" eb="3">
      <t>トヤマシ</t>
    </rPh>
    <rPh sb="3" eb="6">
      <t>カミフゴ</t>
    </rPh>
    <rPh sb="6" eb="9">
      <t>イッチョウメ</t>
    </rPh>
    <phoneticPr fontId="2"/>
  </si>
  <si>
    <t>富山市堀川小泉町４８８</t>
  </si>
  <si>
    <t>富山市北代６４８７</t>
  </si>
  <si>
    <t>ヤングドライ窪支店</t>
  </si>
  <si>
    <t>富山市婦中町長沢４５８５－１</t>
  </si>
  <si>
    <t>富山市赤田８００－５</t>
  </si>
  <si>
    <t>0133</t>
  </si>
  <si>
    <t>3382</t>
  </si>
  <si>
    <t>富山市奥田寿町６－３－１３０</t>
  </si>
  <si>
    <t>無店舗取次店</t>
  </si>
  <si>
    <t>第一ドライ愛宕町営業所</t>
  </si>
  <si>
    <t>2177</t>
  </si>
  <si>
    <t>第一ドライ花の井営業所</t>
  </si>
  <si>
    <t>富山市水橋池田舘７６４</t>
  </si>
  <si>
    <t>株式会社　富山第一ドライクリーニング</t>
  </si>
  <si>
    <t>ヤングドライ　モア店</t>
  </si>
  <si>
    <t>第一繊維工業㈲長江工場</t>
  </si>
  <si>
    <t>富山市長江１－５－２７</t>
  </si>
  <si>
    <t>0134</t>
  </si>
  <si>
    <t>富山県富山市石金２－３－３</t>
  </si>
  <si>
    <t>第一繊維工業㈲新庄工場第１工場</t>
  </si>
  <si>
    <t>株式会社　北陸シー・アイ・シー研究所</t>
  </si>
  <si>
    <t>1248</t>
  </si>
  <si>
    <t>第一繊維工業㈲新庄工場第２工場</t>
  </si>
  <si>
    <t>0114</t>
  </si>
  <si>
    <t>0071</t>
  </si>
  <si>
    <t>中崎クリーニング</t>
  </si>
  <si>
    <t>1688</t>
  </si>
  <si>
    <t>都屋</t>
  </si>
  <si>
    <t>富山市八人町１－１６</t>
  </si>
  <si>
    <t>富山市秋吉１３４</t>
  </si>
  <si>
    <t>有限会社　あきの洗業</t>
  </si>
  <si>
    <t>日の出屋クリーニング町村工場</t>
  </si>
  <si>
    <t>日本クリーニング</t>
  </si>
  <si>
    <t>0202</t>
  </si>
  <si>
    <t>富山市八尾町鏡町２４０６</t>
  </si>
  <si>
    <t>富山第一ドライ婦中新町営業所</t>
  </si>
  <si>
    <t>株式会社　マツモト</t>
  </si>
  <si>
    <t>1497</t>
  </si>
  <si>
    <t>富山市婦中町地角１６５－７</t>
  </si>
  <si>
    <t>富山市新庄銀座２－２－５</t>
  </si>
  <si>
    <t>株式会社ヤングドライ</t>
    <rPh sb="0" eb="4">
      <t>カブシキガイシャ</t>
    </rPh>
    <phoneticPr fontId="2"/>
  </si>
  <si>
    <t>6366</t>
  </si>
  <si>
    <t>0304</t>
  </si>
  <si>
    <t>富山市総曲輪三丁目8－6</t>
    <rPh sb="0" eb="3">
      <t>トヤマシ</t>
    </rPh>
    <rPh sb="3" eb="6">
      <t>ソウガワ</t>
    </rPh>
    <rPh sb="6" eb="9">
      <t>３チョウメ</t>
    </rPh>
    <phoneticPr fontId="2"/>
  </si>
  <si>
    <t>（有）ホープクリーニング富山　本社野町店　</t>
  </si>
  <si>
    <t>おしゃれ工房　グリーンバレー店</t>
  </si>
  <si>
    <t>富山第一ドライ</t>
  </si>
  <si>
    <t>富山市長江３区２１６</t>
  </si>
  <si>
    <t>富山県魚津市三ケ７３９－１</t>
  </si>
  <si>
    <t>富山市堀川小泉町２区８５７</t>
  </si>
  <si>
    <t>4663</t>
  </si>
  <si>
    <t>ＭＩＣ小松（富山１００せ５９４４）</t>
    <rPh sb="3" eb="5">
      <t>コマツ</t>
    </rPh>
    <rPh sb="6" eb="8">
      <t>トヤマ</t>
    </rPh>
    <phoneticPr fontId="2"/>
  </si>
  <si>
    <t>富山県富山市西二俣９１４</t>
  </si>
  <si>
    <t>富山市神通本町１－８－２４</t>
  </si>
  <si>
    <t>富山市向新庄５０１</t>
  </si>
  <si>
    <t>2146</t>
  </si>
  <si>
    <t>富山第一ドライ上飯野営業所</t>
  </si>
  <si>
    <t>6167</t>
  </si>
  <si>
    <t>富山第一ドライ上飯野石原店</t>
  </si>
  <si>
    <t>富山第一ドライ水橋石割店</t>
  </si>
  <si>
    <t>富山市水橋石割３７</t>
  </si>
  <si>
    <t>富山第一ドライ泉町営業所</t>
  </si>
  <si>
    <t>富山第一ドライ鵜坂店</t>
  </si>
  <si>
    <t>0054</t>
  </si>
  <si>
    <t>富山第一ドライ藤代営業所</t>
  </si>
  <si>
    <t>1313</t>
  </si>
  <si>
    <t>富山第一ドライ南富山駅前営業所</t>
  </si>
  <si>
    <t>富山市堀川小泉町２区８５７－１６</t>
  </si>
  <si>
    <t>6825</t>
  </si>
  <si>
    <t>富山第一ドライ不二越営業所</t>
  </si>
  <si>
    <t>富山市末広町３３</t>
  </si>
  <si>
    <t>日本海綿業　株式会社　</t>
  </si>
  <si>
    <t>富山第一ドライ布瀬営業所</t>
  </si>
  <si>
    <t>(有)ホープクリーニング富山　大沢野工場　</t>
  </si>
  <si>
    <t>第一ドライ　八尾営業所</t>
  </si>
  <si>
    <t>北川クリーニング</t>
  </si>
  <si>
    <t>富山県富山市堀川町３０２－７</t>
  </si>
  <si>
    <t>株式会社　Ａ・ウォッシュ</t>
  </si>
  <si>
    <t>㈲ホープクリーニング富山犬島工場</t>
  </si>
  <si>
    <t>（株）ホームドライ富山　上袋店</t>
  </si>
  <si>
    <t>富山市根塚町２－１－１</t>
  </si>
  <si>
    <t>有限会社　ヤングドライ四ツ葉</t>
  </si>
  <si>
    <t>0076</t>
  </si>
  <si>
    <t>富山市下熊野６６－６</t>
  </si>
  <si>
    <t>2551</t>
  </si>
  <si>
    <t>富山市高屋敷１区８５７</t>
  </si>
  <si>
    <t>富山市常盤町２－１７</t>
  </si>
  <si>
    <t>林屋クリーニング</t>
  </si>
  <si>
    <t>富山市東石金４－６</t>
  </si>
  <si>
    <t>和泉クリーニング店</t>
  </si>
  <si>
    <t>ヤングドライ　バロー窪新町店</t>
  </si>
  <si>
    <t>富山市窪新町字小橋詰割１－１</t>
  </si>
  <si>
    <t>ヤングドライ　呉羽支店</t>
  </si>
  <si>
    <t>富山市北二ツ屋１－１</t>
  </si>
  <si>
    <t>富山市下新本町字早稲田割１－１３８－１</t>
  </si>
  <si>
    <t>0208</t>
  </si>
  <si>
    <t>富山市久方町１４－１９</t>
  </si>
  <si>
    <t>0152</t>
  </si>
  <si>
    <t>富山市西町６－９</t>
  </si>
  <si>
    <t>ヤングドライ　Ｖドラック清水町店</t>
  </si>
  <si>
    <t>ヤングドライ　アルビス富山南店</t>
  </si>
  <si>
    <t>ヤングドライ　くれよん店</t>
  </si>
  <si>
    <t>富山市呉羽本町２９５５</t>
  </si>
  <si>
    <t>ファッションクリーニング　北川</t>
  </si>
  <si>
    <t>0165</t>
  </si>
  <si>
    <t>富山市古寺４７４－２</t>
  </si>
  <si>
    <t>富山県富山市野町１０１－２</t>
  </si>
  <si>
    <t>0234</t>
  </si>
  <si>
    <t>0242</t>
  </si>
  <si>
    <t>富山市婦中町下轡田１６５－１</t>
  </si>
  <si>
    <t>富山市稲荷元町二丁目１１－１</t>
    <rPh sb="0" eb="3">
      <t>トヤマシ</t>
    </rPh>
    <rPh sb="3" eb="5">
      <t>イナリ</t>
    </rPh>
    <rPh sb="5" eb="6">
      <t>モト</t>
    </rPh>
    <rPh sb="6" eb="7">
      <t>マチ</t>
    </rPh>
    <rPh sb="7" eb="10">
      <t>ニチョウメ</t>
    </rPh>
    <phoneticPr fontId="2"/>
  </si>
  <si>
    <t>富山市東福沢１７３８－５</t>
  </si>
  <si>
    <t>ホープクリーニング　田畠店</t>
  </si>
  <si>
    <t>0259</t>
  </si>
  <si>
    <t>富山市八尾町井田５７１９</t>
  </si>
  <si>
    <t>石川県金沢市横川２－２４８</t>
  </si>
  <si>
    <t>おしゃれ工房　掛尾店</t>
  </si>
  <si>
    <t>富山市八尾町福島２４０</t>
  </si>
  <si>
    <t>黒田クリーニング</t>
  </si>
  <si>
    <t>富山市上大久保２１０８</t>
  </si>
  <si>
    <t>ハートピア</t>
  </si>
  <si>
    <t>日本海綿業(株)メディカルサポート事業部</t>
  </si>
  <si>
    <t>富山県富山市飯野２－３</t>
  </si>
  <si>
    <t>富山市開５８３番１</t>
  </si>
  <si>
    <t>富山市下大久保１区４４</t>
  </si>
  <si>
    <t>ドライクリーニングこがみ</t>
  </si>
  <si>
    <t>富山市西笹津２９０</t>
  </si>
  <si>
    <t>フクサワクリーニング</t>
  </si>
  <si>
    <t>ホープクリーニング婦中砂子田店</t>
  </si>
  <si>
    <t>富山市婦中町板倉２２１</t>
  </si>
  <si>
    <t>ダスキンとみやま</t>
  </si>
  <si>
    <t>富山市婦中町羽根１２５３－４</t>
  </si>
  <si>
    <t>富山県富山市婦中町羽根１２５３－４</t>
  </si>
  <si>
    <t>富山市二口町三丁目5-5</t>
    <rPh sb="0" eb="3">
      <t>トヤマシ</t>
    </rPh>
    <rPh sb="3" eb="6">
      <t>フタクチマチ</t>
    </rPh>
    <rPh sb="6" eb="9">
      <t>３チョウメ</t>
    </rPh>
    <phoneticPr fontId="2"/>
  </si>
  <si>
    <t>ヤングドライ大阪屋婦中店</t>
  </si>
  <si>
    <t>0177</t>
  </si>
  <si>
    <t>富山市呉羽富田町５７９５－３</t>
  </si>
  <si>
    <t>富山市城川原３－５－７５</t>
  </si>
  <si>
    <t>富山市婦中町友坂５８０８</t>
  </si>
  <si>
    <t>0300</t>
  </si>
  <si>
    <t>富山市八尾町今町１６８６</t>
  </si>
  <si>
    <t>富山市下堀７南プラザ内</t>
  </si>
  <si>
    <t>0286</t>
  </si>
  <si>
    <t>富山第一ドライ　八尾野積営業所</t>
  </si>
  <si>
    <t>おしゃれ工房　上飯野店</t>
  </si>
  <si>
    <t>0197</t>
  </si>
  <si>
    <t>0170</t>
  </si>
  <si>
    <t>(有)ホープクリーニング富山　原信呉羽店</t>
    <rPh sb="0" eb="3">
      <t>ユウ</t>
    </rPh>
    <rPh sb="15" eb="17">
      <t>ハラシン</t>
    </rPh>
    <rPh sb="17" eb="19">
      <t>クレハ</t>
    </rPh>
    <rPh sb="19" eb="20">
      <t>テン</t>
    </rPh>
    <phoneticPr fontId="2"/>
  </si>
  <si>
    <t>0262</t>
  </si>
  <si>
    <t>富山市婦中町新町１２９５</t>
  </si>
  <si>
    <t>富山市森３－８５１－１</t>
  </si>
  <si>
    <t>富山市婦中町速星８２５</t>
  </si>
  <si>
    <t>富山第一ドライ千里店</t>
  </si>
  <si>
    <t>富山市婦中町千里４４６</t>
  </si>
  <si>
    <t>0235</t>
  </si>
  <si>
    <t>0258</t>
  </si>
  <si>
    <t>0302</t>
  </si>
  <si>
    <t>ヤングドライ　キャロット１</t>
  </si>
  <si>
    <t>富山市下大久保２５１３－１</t>
  </si>
  <si>
    <t>ヤングドライ　東田地方店</t>
  </si>
  <si>
    <t>0293</t>
  </si>
  <si>
    <t>0285</t>
  </si>
  <si>
    <t>ヤングドライ　大沢野店</t>
  </si>
  <si>
    <t>富山第一ドライ　朝菜町店</t>
  </si>
  <si>
    <t>株式会社　ホームドライ富山</t>
  </si>
  <si>
    <t>ヤングドライ　新鮮市場羽根店</t>
  </si>
  <si>
    <t>富山市羽根１２９２－１</t>
  </si>
  <si>
    <t>富山市粟島町３－２１－３７</t>
  </si>
  <si>
    <t>富山市茶屋町字５６７－３</t>
  </si>
  <si>
    <t>富山市太郎丸本町３－６－１４</t>
  </si>
  <si>
    <t>大阪屋ショップ太郎丸店内</t>
  </si>
  <si>
    <t>富山市新庄銀座３－４９３</t>
  </si>
  <si>
    <t>0188</t>
  </si>
  <si>
    <t>ダスキン　黒瀬支店</t>
  </si>
  <si>
    <t>富山県高岡市野村１７９３</t>
  </si>
  <si>
    <t>ホープクリーニング　アルビス呉羽本郷店</t>
  </si>
  <si>
    <t>株式会社富山県寝具センター</t>
  </si>
  <si>
    <t>富山市婦中町速星１０７０</t>
    <rPh sb="0" eb="3">
      <t>トヤマシ</t>
    </rPh>
    <rPh sb="3" eb="6">
      <t>フチュウマチ</t>
    </rPh>
    <rPh sb="6" eb="8">
      <t>ハヤホシ</t>
    </rPh>
    <phoneticPr fontId="2"/>
  </si>
  <si>
    <t>ダスキン　たきもと</t>
  </si>
  <si>
    <t>トヤマクリーニングセンター</t>
  </si>
  <si>
    <t>有限会社　ティッピング・ポイント</t>
  </si>
  <si>
    <t>富山市根塚町１－７－４</t>
  </si>
  <si>
    <t>株式会社　ダスキン北陸　富山営業所</t>
  </si>
  <si>
    <t>富山市婦中町鵜坂１５７</t>
  </si>
  <si>
    <t>富山市下大久保２６３－１</t>
  </si>
  <si>
    <t>高岡市清水町一丁目４７５－１</t>
    <rPh sb="0" eb="3">
      <t>タカオカシ</t>
    </rPh>
    <rPh sb="3" eb="5">
      <t>シミズ</t>
    </rPh>
    <rPh sb="5" eb="6">
      <t>マチ</t>
    </rPh>
    <rPh sb="6" eb="9">
      <t>イッチョウメ</t>
    </rPh>
    <phoneticPr fontId="2"/>
  </si>
  <si>
    <t>ダスキン　富山西支店</t>
  </si>
  <si>
    <t>富山市布瀬町南３－１－４</t>
  </si>
  <si>
    <t>ヤングドライ　ネクストサポート事業部</t>
  </si>
  <si>
    <t>ヤングドライ　富田店</t>
  </si>
  <si>
    <t>石倉商店</t>
  </si>
  <si>
    <t>富山市水橋北馬場６６</t>
  </si>
  <si>
    <t>（株）ホームドライ富山</t>
  </si>
  <si>
    <t>富山市上千俵町１６－２</t>
  </si>
  <si>
    <t>0214</t>
  </si>
  <si>
    <t>富山市奥田町８－３０</t>
  </si>
  <si>
    <t>タネクリーニング　婦中店</t>
  </si>
  <si>
    <t>0218</t>
  </si>
  <si>
    <t>アルコット株式会社（富山８８ぬ５２１５）</t>
    <rPh sb="5" eb="9">
      <t>カブシキガイシャ</t>
    </rPh>
    <phoneticPr fontId="2"/>
  </si>
  <si>
    <t>おしゃれ工房　バロー黒瀬店</t>
  </si>
  <si>
    <t>富山市堀川本郷１５－１２</t>
  </si>
  <si>
    <t>おしゃれ工房　大阪屋豊田店</t>
    <rPh sb="4" eb="6">
      <t>コウボウ</t>
    </rPh>
    <rPh sb="7" eb="10">
      <t>オオサカヤ</t>
    </rPh>
    <rPh sb="10" eb="12">
      <t>トヨタ</t>
    </rPh>
    <rPh sb="12" eb="13">
      <t>テン</t>
    </rPh>
    <phoneticPr fontId="2"/>
  </si>
  <si>
    <t>富山市東石金町１２－１</t>
  </si>
  <si>
    <t>0226</t>
  </si>
  <si>
    <t>奥田ビル３号棟</t>
  </si>
  <si>
    <t>0233</t>
  </si>
  <si>
    <t>グリーンリーブスモール</t>
  </si>
  <si>
    <t>小栗　英治（富山４８０い１５１８）</t>
  </si>
  <si>
    <t>平澤　浩司（富山４８０か４６７４）</t>
  </si>
  <si>
    <t>0238</t>
  </si>
  <si>
    <t>0243</t>
  </si>
  <si>
    <t>富山市上大久保１２６０－８</t>
  </si>
  <si>
    <t>富山市石坂５８８－１</t>
  </si>
  <si>
    <t>タネクリーニング　八尾店</t>
  </si>
  <si>
    <t>富山市八尾町井田５７８－１</t>
  </si>
  <si>
    <t>0255</t>
  </si>
  <si>
    <t>富山第一ドライ　北新町店</t>
  </si>
  <si>
    <t>富山市北新町１－３－１</t>
  </si>
  <si>
    <t>ヤングドライ　オレンジマート宮野店</t>
  </si>
  <si>
    <t>富山県富山市婦中町下轡田１３３－２</t>
  </si>
  <si>
    <t>ヤングドライ　奥田店</t>
  </si>
  <si>
    <t>草野京染ドライクリーニング店（桔梗屋）</t>
  </si>
  <si>
    <t>日本海綿業(株)</t>
  </si>
  <si>
    <t>ホープクリーニング富山　秋吉店</t>
  </si>
  <si>
    <t>おしゃれ工房　城川原店</t>
  </si>
  <si>
    <t>ヤングドライ　ＭＡＲＯＯＴ店</t>
    <rPh sb="13" eb="14">
      <t>テン</t>
    </rPh>
    <phoneticPr fontId="2"/>
  </si>
  <si>
    <t>ヤングドライ　アルビス高原店</t>
  </si>
  <si>
    <t>富山市中川原６－５</t>
  </si>
  <si>
    <t>0275</t>
  </si>
  <si>
    <t>0276</t>
  </si>
  <si>
    <t>株式会社　富山県寝具センター　</t>
  </si>
  <si>
    <t>富山市上飯野３１－１</t>
  </si>
  <si>
    <t>ヤングドライ　大阪屋藤木店</t>
  </si>
  <si>
    <t>ヤングドライ　富山西支店</t>
  </si>
  <si>
    <t>富山市羽根字流割１０５－３</t>
  </si>
  <si>
    <t>0281</t>
  </si>
  <si>
    <t>グリーンバレー内</t>
  </si>
  <si>
    <t>0282</t>
  </si>
  <si>
    <t>富山市秋吉１５１－１</t>
  </si>
  <si>
    <t>ホープクリーニング　富山総曲輪３丁目店</t>
  </si>
  <si>
    <t>ヤングドライ　大阪屋下堀店</t>
  </si>
  <si>
    <t>富山市下堀字上大道割２０番１外３２筆</t>
  </si>
  <si>
    <t>株式会社　丸八ダイレクト</t>
    <rPh sb="5" eb="7">
      <t>マルハチ</t>
    </rPh>
    <phoneticPr fontId="2"/>
  </si>
  <si>
    <t>富山市町村１丁目４９</t>
    <rPh sb="6" eb="8">
      <t>チョウメ</t>
    </rPh>
    <phoneticPr fontId="2"/>
  </si>
  <si>
    <t>ヤングドライ　アルビス八尾店</t>
  </si>
  <si>
    <t>射水市浜開新町５－７</t>
    <rPh sb="0" eb="2">
      <t>イミズ</t>
    </rPh>
    <rPh sb="2" eb="3">
      <t>シ</t>
    </rPh>
    <rPh sb="3" eb="4">
      <t>ハマ</t>
    </rPh>
    <rPh sb="4" eb="5">
      <t>ヒラ</t>
    </rPh>
    <rPh sb="5" eb="7">
      <t>シンマチ</t>
    </rPh>
    <phoneticPr fontId="2"/>
  </si>
  <si>
    <t>有限会社　創和物産</t>
    <rPh sb="0" eb="2">
      <t>ユウゲン</t>
    </rPh>
    <rPh sb="2" eb="4">
      <t>カイシャ</t>
    </rPh>
    <rPh sb="5" eb="7">
      <t>ソウワ</t>
    </rPh>
    <rPh sb="7" eb="9">
      <t>ブッサン</t>
    </rPh>
    <phoneticPr fontId="2"/>
  </si>
  <si>
    <t>0301</t>
  </si>
  <si>
    <t>ヤングドライ　アピア店</t>
    <rPh sb="10" eb="11">
      <t>テン</t>
    </rPh>
    <phoneticPr fontId="2"/>
  </si>
  <si>
    <t>株式会社　丸八ダイレクト　Ｎ富山支店</t>
    <rPh sb="0" eb="4">
      <t>カブシキガイシャ</t>
    </rPh>
    <rPh sb="5" eb="7">
      <t>マルハチ</t>
    </rPh>
    <rPh sb="14" eb="16">
      <t>トヤマ</t>
    </rPh>
    <rPh sb="16" eb="18">
      <t>シテン</t>
    </rPh>
    <phoneticPr fontId="2"/>
  </si>
  <si>
    <t>富山市田中町一丁目６－６２</t>
    <rPh sb="6" eb="9">
      <t>イッチョウメ</t>
    </rPh>
    <phoneticPr fontId="2"/>
  </si>
  <si>
    <t>しあわせ商事有限会社　</t>
  </si>
  <si>
    <t>種産業　有限会社　</t>
  </si>
  <si>
    <t>第一繊維工業　有限会社　</t>
  </si>
  <si>
    <t>有限会社　とみやま</t>
  </si>
  <si>
    <t>有限会社　富山第一ドライクリーニング　</t>
  </si>
  <si>
    <t>株式会社　淀川ランドリー</t>
  </si>
  <si>
    <t>株式会社　ダスキン高岡　</t>
  </si>
  <si>
    <t>株式会社　光洋</t>
  </si>
  <si>
    <t>株式会社　丸八ハートフル</t>
    <rPh sb="5" eb="7">
      <t>マルハチ</t>
    </rPh>
    <phoneticPr fontId="2"/>
  </si>
  <si>
    <t>株式会社　ホームドライ富山</t>
    <rPh sb="11" eb="13">
      <t>トヤマ</t>
    </rPh>
    <phoneticPr fontId="2"/>
  </si>
  <si>
    <t>有限会社　ヤングドライ高岡</t>
    <rPh sb="11" eb="13">
      <t>タカオカ</t>
    </rPh>
    <phoneticPr fontId="2"/>
  </si>
  <si>
    <t>ヤングドライ　アルビス羽根　仮店舗</t>
    <rPh sb="14" eb="15">
      <t>カリ</t>
    </rPh>
    <rPh sb="15" eb="17">
      <t>テンポ</t>
    </rPh>
    <phoneticPr fontId="2"/>
  </si>
  <si>
    <t>フトン巻きのジロー　富山千代田店</t>
    <rPh sb="3" eb="4">
      <t>マ</t>
    </rPh>
    <rPh sb="10" eb="12">
      <t>トヤマ</t>
    </rPh>
    <rPh sb="12" eb="15">
      <t>チヨダ</t>
    </rPh>
    <rPh sb="15" eb="16">
      <t>テン</t>
    </rPh>
    <phoneticPr fontId="2"/>
  </si>
  <si>
    <t>富山市千代田町８－４０</t>
    <rPh sb="0" eb="3">
      <t>トヤマシ</t>
    </rPh>
    <rPh sb="3" eb="6">
      <t>チヨダ</t>
    </rPh>
    <rPh sb="6" eb="7">
      <t>マチ</t>
    </rPh>
    <phoneticPr fontId="2"/>
  </si>
  <si>
    <t>株式会社　ヤングドライ</t>
    <rPh sb="0" eb="2">
      <t>カブシキ</t>
    </rPh>
    <rPh sb="2" eb="4">
      <t>カイシャ</t>
    </rPh>
    <phoneticPr fontId="2"/>
  </si>
  <si>
    <t>中村屋クリーニング</t>
  </si>
  <si>
    <t>有限会社　ホープクリーニング富山</t>
    <rPh sb="0" eb="4">
      <t>ユウゲンガイシャ</t>
    </rPh>
    <phoneticPr fontId="2"/>
  </si>
  <si>
    <t>富山市高木西１－１</t>
    <rPh sb="0" eb="3">
      <t>トヤマシ</t>
    </rPh>
    <rPh sb="3" eb="5">
      <t>タカギ</t>
    </rPh>
    <rPh sb="5" eb="6">
      <t>ニシ</t>
    </rPh>
    <phoneticPr fontId="2"/>
  </si>
  <si>
    <t>西川ショップネムリウム　富山大和店</t>
    <rPh sb="0" eb="2">
      <t>ニシカワ</t>
    </rPh>
    <rPh sb="12" eb="14">
      <t>トヤマ</t>
    </rPh>
    <rPh sb="14" eb="15">
      <t>ダイ</t>
    </rPh>
    <rPh sb="16" eb="17">
      <t>テン</t>
    </rPh>
    <phoneticPr fontId="2"/>
  </si>
  <si>
    <t>富山市一円</t>
    <rPh sb="0" eb="3">
      <t>トヤマシ</t>
    </rPh>
    <rPh sb="3" eb="5">
      <t>イチエン</t>
    </rPh>
    <phoneticPr fontId="2"/>
  </si>
  <si>
    <t>アルコット株式会社</t>
    <rPh sb="5" eb="9">
      <t>カブシキガイシャ</t>
    </rPh>
    <phoneticPr fontId="2"/>
  </si>
  <si>
    <t>アルコット株式会社（富山８００す４２６９）</t>
    <rPh sb="5" eb="9">
      <t>カブシキガイシャ</t>
    </rPh>
    <rPh sb="10" eb="12">
      <t>トヤマ</t>
    </rPh>
    <phoneticPr fontId="2"/>
  </si>
  <si>
    <t>ヤングドライ　アルビス大広田店</t>
    <rPh sb="11" eb="14">
      <t>オオヒロタ</t>
    </rPh>
    <rPh sb="14" eb="15">
      <t>テン</t>
    </rPh>
    <phoneticPr fontId="2"/>
  </si>
  <si>
    <t>業種</t>
    <phoneticPr fontId="3"/>
  </si>
  <si>
    <t>施設名</t>
    <rPh sb="0" eb="2">
      <t>シセツ</t>
    </rPh>
    <rPh sb="2" eb="3">
      <t>ナ</t>
    </rPh>
    <phoneticPr fontId="3"/>
  </si>
  <si>
    <t>施設住所</t>
    <rPh sb="0" eb="4">
      <t>シセツジュウショ</t>
    </rPh>
    <phoneticPr fontId="3"/>
  </si>
  <si>
    <t>営業者名</t>
    <rPh sb="0" eb="3">
      <t>エイギョウシャ</t>
    </rPh>
    <phoneticPr fontId="3"/>
  </si>
  <si>
    <t>営業者住所</t>
    <rPh sb="0" eb="3">
      <t>エイギョウシャ</t>
    </rPh>
    <phoneticPr fontId="3"/>
  </si>
  <si>
    <t>確認番号</t>
    <phoneticPr fontId="3"/>
  </si>
  <si>
    <t>開設年月日</t>
    <rPh sb="0" eb="2">
      <t>カイセツ</t>
    </rPh>
    <rPh sb="2" eb="5">
      <t>ネンガッピ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$-411]ge\.m\.d;@"/>
    <numFmt numFmtId="177" formatCode="0000"/>
  </numFmts>
  <fonts count="5" x14ac:knownFonts="1">
    <font>
      <sz val="11"/>
      <color theme="1"/>
      <name val="ＭＳ Ｐゴシック"/>
      <family val="3"/>
      <scheme val="minor"/>
    </font>
    <font>
      <sz val="11"/>
      <color indexed="8"/>
      <name val="ＭＳ Ｐゴシック"/>
      <family val="3"/>
      <scheme val="minor"/>
    </font>
    <font>
      <sz val="6"/>
      <name val="ＭＳ Ｐゴシック"/>
      <family val="3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BIZ UDP明朝 Medium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12">
    <xf numFmtId="0" fontId="0" fillId="0" borderId="0" xfId="0"/>
    <xf numFmtId="0" fontId="4" fillId="0" borderId="1" xfId="0" applyFont="1" applyFill="1" applyBorder="1" applyAlignment="1">
      <alignment shrinkToFit="1"/>
    </xf>
    <xf numFmtId="0" fontId="4" fillId="0" borderId="2" xfId="0" applyFont="1" applyFill="1" applyBorder="1" applyAlignment="1">
      <alignment shrinkToFit="1"/>
    </xf>
    <xf numFmtId="0" fontId="4" fillId="0" borderId="4" xfId="0" applyFont="1" applyFill="1" applyBorder="1" applyAlignment="1">
      <alignment shrinkToFit="1"/>
    </xf>
    <xf numFmtId="176" fontId="4" fillId="0" borderId="1" xfId="0" applyNumberFormat="1" applyFont="1" applyFill="1" applyBorder="1" applyAlignment="1">
      <alignment shrinkToFit="1"/>
    </xf>
    <xf numFmtId="177" fontId="4" fillId="0" borderId="1" xfId="0" applyNumberFormat="1" applyFont="1" applyFill="1" applyBorder="1" applyAlignment="1">
      <alignment shrinkToFit="1"/>
    </xf>
    <xf numFmtId="0" fontId="4" fillId="0" borderId="0" xfId="0" applyFont="1" applyFill="1"/>
    <xf numFmtId="0" fontId="4" fillId="0" borderId="3" xfId="0" applyFont="1" applyFill="1" applyBorder="1" applyAlignment="1">
      <alignment shrinkToFit="1"/>
    </xf>
    <xf numFmtId="176" fontId="4" fillId="0" borderId="1" xfId="0" applyNumberFormat="1" applyFont="1" applyFill="1" applyBorder="1" applyAlignment="1" applyProtection="1">
      <alignment vertical="center" shrinkToFit="1"/>
    </xf>
    <xf numFmtId="49" fontId="4" fillId="0" borderId="1" xfId="0" applyNumberFormat="1" applyFont="1" applyFill="1" applyBorder="1" applyAlignment="1">
      <alignment shrinkToFit="1"/>
    </xf>
    <xf numFmtId="177" fontId="4" fillId="0" borderId="1" xfId="0" applyNumberFormat="1" applyFont="1" applyFill="1" applyBorder="1" applyAlignment="1">
      <alignment horizontal="left" shrinkToFit="1"/>
    </xf>
    <xf numFmtId="57" fontId="4" fillId="0" borderId="1" xfId="0" applyNumberFormat="1" applyFont="1" applyFill="1" applyBorder="1" applyAlignment="1">
      <alignment shrinkToFit="1"/>
    </xf>
  </cellXfs>
  <cellStyles count="2">
    <cellStyle name="標準" xfId="0" builtinId="0"/>
    <cellStyle name="標準 3" xfId="1" xr:uid="{00000000-0005-0000-0000-000001000000}"/>
  </cellStyles>
  <dxfs count="1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6CFBAE-26DC-48F9-98BA-62B33D8D34F1}">
  <dimension ref="A1:H240"/>
  <sheetViews>
    <sheetView tabSelected="1" workbookViewId="0">
      <selection activeCell="C4" sqref="C4"/>
    </sheetView>
  </sheetViews>
  <sheetFormatPr defaultRowHeight="13.5" x14ac:dyDescent="0.15"/>
  <cols>
    <col min="1" max="1" width="9" style="6"/>
    <col min="2" max="2" width="39.5" style="6" bestFit="1" customWidth="1"/>
    <col min="3" max="3" width="36.625" style="6" bestFit="1" customWidth="1"/>
    <col min="4" max="4" width="9" style="6"/>
    <col min="5" max="5" width="23.625" style="6" customWidth="1"/>
    <col min="6" max="6" width="37.25" style="6" bestFit="1" customWidth="1"/>
    <col min="7" max="16384" width="9" style="6"/>
  </cols>
  <sheetData>
    <row r="1" spans="1:8" x14ac:dyDescent="0.15">
      <c r="A1" s="1" t="s">
        <v>729</v>
      </c>
      <c r="B1" s="1" t="s">
        <v>730</v>
      </c>
      <c r="C1" s="2" t="s">
        <v>731</v>
      </c>
      <c r="D1" s="3"/>
      <c r="E1" s="1" t="s">
        <v>732</v>
      </c>
      <c r="F1" s="1" t="s">
        <v>733</v>
      </c>
      <c r="G1" s="4" t="s">
        <v>735</v>
      </c>
      <c r="H1" s="5" t="s">
        <v>734</v>
      </c>
    </row>
    <row r="2" spans="1:8" x14ac:dyDescent="0.15">
      <c r="A2" s="1" t="s">
        <v>60</v>
      </c>
      <c r="B2" s="1" t="s">
        <v>317</v>
      </c>
      <c r="C2" s="2" t="s">
        <v>71</v>
      </c>
      <c r="D2" s="7"/>
      <c r="E2" s="1"/>
      <c r="F2" s="1"/>
      <c r="G2" s="8">
        <v>21094</v>
      </c>
      <c r="H2" s="5" t="s">
        <v>282</v>
      </c>
    </row>
    <row r="3" spans="1:8" x14ac:dyDescent="0.15">
      <c r="A3" s="1" t="s">
        <v>60</v>
      </c>
      <c r="B3" s="1" t="s">
        <v>184</v>
      </c>
      <c r="C3" s="2" t="s">
        <v>252</v>
      </c>
      <c r="D3" s="7"/>
      <c r="E3" s="1"/>
      <c r="F3" s="1" t="s">
        <v>252</v>
      </c>
      <c r="G3" s="8">
        <v>23651</v>
      </c>
      <c r="H3" s="5" t="s">
        <v>367</v>
      </c>
    </row>
    <row r="4" spans="1:8" x14ac:dyDescent="0.15">
      <c r="A4" s="1" t="s">
        <v>62</v>
      </c>
      <c r="B4" s="1" t="s">
        <v>240</v>
      </c>
      <c r="C4" s="2" t="s">
        <v>202</v>
      </c>
      <c r="D4" s="7"/>
      <c r="E4" s="1"/>
      <c r="F4" s="1"/>
      <c r="G4" s="8">
        <v>23651</v>
      </c>
      <c r="H4" s="5" t="s">
        <v>241</v>
      </c>
    </row>
    <row r="5" spans="1:8" x14ac:dyDescent="0.15">
      <c r="A5" s="1" t="s">
        <v>60</v>
      </c>
      <c r="B5" s="1" t="s">
        <v>29</v>
      </c>
      <c r="C5" s="2" t="s">
        <v>150</v>
      </c>
      <c r="D5" s="7"/>
      <c r="E5" s="1"/>
      <c r="F5" s="1"/>
      <c r="G5" s="8">
        <v>23651</v>
      </c>
      <c r="H5" s="1" t="s">
        <v>125</v>
      </c>
    </row>
    <row r="6" spans="1:8" x14ac:dyDescent="0.15">
      <c r="A6" s="1" t="s">
        <v>60</v>
      </c>
      <c r="B6" s="1" t="s">
        <v>721</v>
      </c>
      <c r="C6" s="2" t="s">
        <v>449</v>
      </c>
      <c r="D6" s="7"/>
      <c r="E6" s="1"/>
      <c r="F6" s="1"/>
      <c r="G6" s="8">
        <v>23651</v>
      </c>
      <c r="H6" s="5" t="s">
        <v>338</v>
      </c>
    </row>
    <row r="7" spans="1:8" x14ac:dyDescent="0.15">
      <c r="A7" s="1" t="s">
        <v>60</v>
      </c>
      <c r="B7" s="1" t="s">
        <v>482</v>
      </c>
      <c r="C7" s="2" t="s">
        <v>204</v>
      </c>
      <c r="D7" s="7"/>
      <c r="E7" s="1"/>
      <c r="F7" s="1"/>
      <c r="G7" s="8">
        <v>23651</v>
      </c>
      <c r="H7" s="5" t="s">
        <v>435</v>
      </c>
    </row>
    <row r="8" spans="1:8" x14ac:dyDescent="0.15">
      <c r="A8" s="1" t="s">
        <v>60</v>
      </c>
      <c r="B8" s="1" t="s">
        <v>54</v>
      </c>
      <c r="C8" s="2" t="s">
        <v>130</v>
      </c>
      <c r="D8" s="7"/>
      <c r="E8" s="1" t="s">
        <v>246</v>
      </c>
      <c r="F8" s="1" t="s">
        <v>170</v>
      </c>
      <c r="G8" s="8">
        <v>24546</v>
      </c>
      <c r="H8" s="5" t="s">
        <v>171</v>
      </c>
    </row>
    <row r="9" spans="1:8" x14ac:dyDescent="0.15">
      <c r="A9" s="1" t="s">
        <v>62</v>
      </c>
      <c r="B9" s="1" t="s">
        <v>129</v>
      </c>
      <c r="C9" s="2" t="s">
        <v>450</v>
      </c>
      <c r="D9" s="7"/>
      <c r="E9" s="1"/>
      <c r="F9" s="1" t="s">
        <v>376</v>
      </c>
      <c r="G9" s="8">
        <v>24735</v>
      </c>
      <c r="H9" s="5" t="s">
        <v>342</v>
      </c>
    </row>
    <row r="10" spans="1:8" x14ac:dyDescent="0.15">
      <c r="A10" s="1" t="s">
        <v>62</v>
      </c>
      <c r="B10" s="1" t="s">
        <v>32</v>
      </c>
      <c r="C10" s="2" t="s">
        <v>400</v>
      </c>
      <c r="D10" s="7"/>
      <c r="E10" s="1"/>
      <c r="F10" s="1" t="s">
        <v>386</v>
      </c>
      <c r="G10" s="8">
        <v>24783</v>
      </c>
      <c r="H10" s="5" t="s">
        <v>301</v>
      </c>
    </row>
    <row r="11" spans="1:8" x14ac:dyDescent="0.15">
      <c r="A11" s="1" t="s">
        <v>62</v>
      </c>
      <c r="B11" s="1" t="s">
        <v>63</v>
      </c>
      <c r="C11" s="2" t="s">
        <v>1</v>
      </c>
      <c r="D11" s="7"/>
      <c r="E11" s="1" t="s">
        <v>86</v>
      </c>
      <c r="F11" s="1" t="s">
        <v>87</v>
      </c>
      <c r="G11" s="8">
        <v>25751</v>
      </c>
      <c r="H11" s="5" t="s">
        <v>293</v>
      </c>
    </row>
    <row r="12" spans="1:8" x14ac:dyDescent="0.15">
      <c r="A12" s="1" t="s">
        <v>60</v>
      </c>
      <c r="B12" s="1" t="s">
        <v>91</v>
      </c>
      <c r="C12" s="2" t="s">
        <v>96</v>
      </c>
      <c r="D12" s="7"/>
      <c r="E12" s="1"/>
      <c r="F12" s="1"/>
      <c r="G12" s="8">
        <v>25751</v>
      </c>
      <c r="H12" s="5" t="s">
        <v>40</v>
      </c>
    </row>
    <row r="13" spans="1:8" x14ac:dyDescent="0.15">
      <c r="A13" s="1" t="s">
        <v>62</v>
      </c>
      <c r="B13" s="1" t="s">
        <v>501</v>
      </c>
      <c r="C13" s="2" t="s">
        <v>502</v>
      </c>
      <c r="D13" s="7"/>
      <c r="E13" s="1" t="s">
        <v>228</v>
      </c>
      <c r="F13" s="1" t="s">
        <v>503</v>
      </c>
      <c r="G13" s="8">
        <v>26014</v>
      </c>
      <c r="H13" s="5" t="s">
        <v>395</v>
      </c>
    </row>
    <row r="14" spans="1:8" x14ac:dyDescent="0.15">
      <c r="A14" s="1" t="s">
        <v>62</v>
      </c>
      <c r="B14" s="1" t="s">
        <v>501</v>
      </c>
      <c r="C14" s="2" t="s">
        <v>445</v>
      </c>
      <c r="D14" s="7"/>
      <c r="E14" s="1"/>
      <c r="F14" s="1" t="s">
        <v>214</v>
      </c>
      <c r="G14" s="8">
        <v>26285</v>
      </c>
      <c r="H14" s="5" t="s">
        <v>35</v>
      </c>
    </row>
    <row r="15" spans="1:8" x14ac:dyDescent="0.15">
      <c r="A15" s="1" t="s">
        <v>62</v>
      </c>
      <c r="B15" s="1" t="s">
        <v>501</v>
      </c>
      <c r="C15" s="2" t="s">
        <v>363</v>
      </c>
      <c r="D15" s="7"/>
      <c r="E15" s="1"/>
      <c r="F15" s="1" t="s">
        <v>66</v>
      </c>
      <c r="G15" s="8">
        <v>26465</v>
      </c>
      <c r="H15" s="5" t="s">
        <v>384</v>
      </c>
    </row>
    <row r="16" spans="1:8" x14ac:dyDescent="0.15">
      <c r="A16" s="1" t="s">
        <v>62</v>
      </c>
      <c r="B16" s="1" t="s">
        <v>164</v>
      </c>
      <c r="C16" s="2" t="s">
        <v>53</v>
      </c>
      <c r="D16" s="7"/>
      <c r="E16" s="1"/>
      <c r="F16" s="1"/>
      <c r="G16" s="8">
        <v>26785</v>
      </c>
      <c r="H16" s="5" t="s">
        <v>168</v>
      </c>
    </row>
    <row r="17" spans="1:8" x14ac:dyDescent="0.15">
      <c r="A17" s="1" t="s">
        <v>62</v>
      </c>
      <c r="B17" s="1" t="s">
        <v>85</v>
      </c>
      <c r="C17" s="2" t="s">
        <v>197</v>
      </c>
      <c r="D17" s="7"/>
      <c r="E17" s="1"/>
      <c r="F17" s="1" t="s">
        <v>197</v>
      </c>
      <c r="G17" s="8">
        <v>26901</v>
      </c>
      <c r="H17" s="5"/>
    </row>
    <row r="18" spans="1:8" x14ac:dyDescent="0.15">
      <c r="A18" s="1" t="s">
        <v>62</v>
      </c>
      <c r="B18" s="1" t="s">
        <v>32</v>
      </c>
      <c r="C18" s="2" t="s">
        <v>377</v>
      </c>
      <c r="D18" s="7"/>
      <c r="E18" s="1" t="s">
        <v>378</v>
      </c>
      <c r="F18" s="1" t="s">
        <v>233</v>
      </c>
      <c r="G18" s="8">
        <v>27012</v>
      </c>
      <c r="H18" s="5" t="s">
        <v>379</v>
      </c>
    </row>
    <row r="19" spans="1:8" x14ac:dyDescent="0.15">
      <c r="A19" s="1" t="s">
        <v>60</v>
      </c>
      <c r="B19" s="1" t="s">
        <v>544</v>
      </c>
      <c r="C19" s="2" t="s">
        <v>508</v>
      </c>
      <c r="D19" s="7"/>
      <c r="E19" s="1"/>
      <c r="F19" s="1"/>
      <c r="G19" s="8">
        <v>27124</v>
      </c>
      <c r="H19" s="5"/>
    </row>
    <row r="20" spans="1:8" x14ac:dyDescent="0.15">
      <c r="A20" s="1" t="s">
        <v>62</v>
      </c>
      <c r="B20" s="1" t="s">
        <v>186</v>
      </c>
      <c r="C20" s="2" t="s">
        <v>61</v>
      </c>
      <c r="D20" s="7"/>
      <c r="E20" s="1"/>
      <c r="F20" s="1" t="s">
        <v>3</v>
      </c>
      <c r="G20" s="8">
        <v>27459</v>
      </c>
      <c r="H20" s="5" t="s">
        <v>198</v>
      </c>
    </row>
    <row r="21" spans="1:8" x14ac:dyDescent="0.15">
      <c r="A21" s="1" t="s">
        <v>60</v>
      </c>
      <c r="B21" s="1" t="s">
        <v>453</v>
      </c>
      <c r="C21" s="2" t="s">
        <v>572</v>
      </c>
      <c r="D21" s="7"/>
      <c r="E21" s="1"/>
      <c r="F21" s="1"/>
      <c r="G21" s="8">
        <v>27475</v>
      </c>
      <c r="H21" s="5" t="s">
        <v>335</v>
      </c>
    </row>
    <row r="22" spans="1:8" x14ac:dyDescent="0.15">
      <c r="A22" s="1" t="s">
        <v>62</v>
      </c>
      <c r="B22" s="1" t="s">
        <v>186</v>
      </c>
      <c r="C22" s="2" t="s">
        <v>148</v>
      </c>
      <c r="D22" s="7"/>
      <c r="E22" s="1" t="s">
        <v>86</v>
      </c>
      <c r="F22" s="1" t="s">
        <v>87</v>
      </c>
      <c r="G22" s="8">
        <v>27740</v>
      </c>
      <c r="H22" s="5" t="s">
        <v>187</v>
      </c>
    </row>
    <row r="23" spans="1:8" x14ac:dyDescent="0.15">
      <c r="A23" s="1" t="s">
        <v>62</v>
      </c>
      <c r="B23" s="1" t="s">
        <v>294</v>
      </c>
      <c r="C23" s="2" t="s">
        <v>593</v>
      </c>
      <c r="D23" s="7"/>
      <c r="E23" s="1" t="s">
        <v>710</v>
      </c>
      <c r="F23" s="1" t="s">
        <v>503</v>
      </c>
      <c r="G23" s="8">
        <v>27843</v>
      </c>
      <c r="H23" s="5"/>
    </row>
    <row r="24" spans="1:8" x14ac:dyDescent="0.15">
      <c r="A24" s="1" t="s">
        <v>62</v>
      </c>
      <c r="B24" s="1" t="s">
        <v>487</v>
      </c>
      <c r="C24" s="2" t="s">
        <v>177</v>
      </c>
      <c r="D24" s="7"/>
      <c r="E24" s="1" t="s">
        <v>86</v>
      </c>
      <c r="F24" s="1" t="s">
        <v>87</v>
      </c>
      <c r="G24" s="8">
        <v>28151</v>
      </c>
      <c r="H24" s="5" t="s">
        <v>124</v>
      </c>
    </row>
    <row r="25" spans="1:8" x14ac:dyDescent="0.15">
      <c r="A25" s="1" t="s">
        <v>60</v>
      </c>
      <c r="B25" s="1" t="s">
        <v>175</v>
      </c>
      <c r="C25" s="2" t="s">
        <v>92</v>
      </c>
      <c r="D25" s="7"/>
      <c r="E25" s="1" t="s">
        <v>711</v>
      </c>
      <c r="F25" s="1" t="s">
        <v>507</v>
      </c>
      <c r="G25" s="8">
        <v>28413</v>
      </c>
      <c r="H25" s="5"/>
    </row>
    <row r="26" spans="1:8" x14ac:dyDescent="0.15">
      <c r="A26" s="1" t="s">
        <v>60</v>
      </c>
      <c r="B26" s="1" t="s">
        <v>38</v>
      </c>
      <c r="C26" s="2" t="s">
        <v>107</v>
      </c>
      <c r="D26" s="7"/>
      <c r="E26" s="1"/>
      <c r="F26" s="1"/>
      <c r="G26" s="8">
        <v>28443</v>
      </c>
      <c r="H26" s="5" t="s">
        <v>109</v>
      </c>
    </row>
    <row r="27" spans="1:8" x14ac:dyDescent="0.15">
      <c r="A27" s="1" t="s">
        <v>62</v>
      </c>
      <c r="B27" s="1" t="s">
        <v>351</v>
      </c>
      <c r="C27" s="2" t="s">
        <v>59</v>
      </c>
      <c r="D27" s="7"/>
      <c r="E27" s="1"/>
      <c r="F27" s="1" t="s">
        <v>135</v>
      </c>
      <c r="G27" s="8">
        <v>28486</v>
      </c>
      <c r="H27" s="5" t="s">
        <v>366</v>
      </c>
    </row>
    <row r="28" spans="1:8" x14ac:dyDescent="0.15">
      <c r="A28" s="1" t="s">
        <v>60</v>
      </c>
      <c r="B28" s="1" t="s">
        <v>470</v>
      </c>
      <c r="C28" s="2" t="s">
        <v>471</v>
      </c>
      <c r="D28" s="7"/>
      <c r="E28" s="1" t="s">
        <v>708</v>
      </c>
      <c r="F28" s="1" t="s">
        <v>473</v>
      </c>
      <c r="G28" s="8">
        <v>28775</v>
      </c>
      <c r="H28" s="5" t="s">
        <v>251</v>
      </c>
    </row>
    <row r="29" spans="1:8" x14ac:dyDescent="0.15">
      <c r="A29" s="1" t="s">
        <v>62</v>
      </c>
      <c r="B29" s="1" t="s">
        <v>32</v>
      </c>
      <c r="C29" s="2" t="s">
        <v>55</v>
      </c>
      <c r="D29" s="7"/>
      <c r="E29" s="1" t="s">
        <v>131</v>
      </c>
      <c r="F29" s="1" t="s">
        <v>233</v>
      </c>
      <c r="G29" s="8">
        <v>28821</v>
      </c>
      <c r="H29" s="5" t="s">
        <v>297</v>
      </c>
    </row>
    <row r="30" spans="1:8" x14ac:dyDescent="0.15">
      <c r="A30" s="1" t="s">
        <v>62</v>
      </c>
      <c r="B30" s="1" t="s">
        <v>32</v>
      </c>
      <c r="C30" s="2" t="s">
        <v>409</v>
      </c>
      <c r="D30" s="7"/>
      <c r="E30" s="1" t="s">
        <v>131</v>
      </c>
      <c r="F30" s="1" t="s">
        <v>233</v>
      </c>
      <c r="G30" s="8">
        <v>29160</v>
      </c>
      <c r="H30" s="5" t="s">
        <v>269</v>
      </c>
    </row>
    <row r="31" spans="1:8" x14ac:dyDescent="0.15">
      <c r="A31" s="1" t="s">
        <v>60</v>
      </c>
      <c r="B31" s="1" t="s">
        <v>319</v>
      </c>
      <c r="C31" s="2" t="s">
        <v>30</v>
      </c>
      <c r="D31" s="7"/>
      <c r="E31" s="1"/>
      <c r="F31" s="1" t="s">
        <v>30</v>
      </c>
      <c r="G31" s="8">
        <v>29201</v>
      </c>
      <c r="H31" s="5" t="s">
        <v>321</v>
      </c>
    </row>
    <row r="32" spans="1:8" x14ac:dyDescent="0.15">
      <c r="A32" s="1" t="s">
        <v>60</v>
      </c>
      <c r="B32" s="1" t="s">
        <v>573</v>
      </c>
      <c r="C32" s="2" t="s">
        <v>574</v>
      </c>
      <c r="D32" s="7"/>
      <c r="E32" s="1"/>
      <c r="F32" s="1"/>
      <c r="G32" s="8">
        <v>29430</v>
      </c>
      <c r="H32" s="5"/>
    </row>
    <row r="33" spans="1:8" x14ac:dyDescent="0.15">
      <c r="A33" s="1" t="s">
        <v>62</v>
      </c>
      <c r="B33" s="1" t="s">
        <v>530</v>
      </c>
      <c r="C33" s="2" t="s">
        <v>217</v>
      </c>
      <c r="D33" s="7"/>
      <c r="E33" s="1"/>
      <c r="F33" s="1" t="s">
        <v>531</v>
      </c>
      <c r="G33" s="8">
        <v>30064</v>
      </c>
      <c r="H33" s="5" t="s">
        <v>492</v>
      </c>
    </row>
    <row r="34" spans="1:8" x14ac:dyDescent="0.15">
      <c r="A34" s="1" t="s">
        <v>60</v>
      </c>
      <c r="B34" s="1" t="s">
        <v>84</v>
      </c>
      <c r="C34" s="2" t="s">
        <v>569</v>
      </c>
      <c r="D34" s="7"/>
      <c r="E34" s="1"/>
      <c r="F34" s="1"/>
      <c r="G34" s="8">
        <v>30181</v>
      </c>
      <c r="H34" s="5"/>
    </row>
    <row r="35" spans="1:8" x14ac:dyDescent="0.15">
      <c r="A35" s="1" t="s">
        <v>62</v>
      </c>
      <c r="B35" s="1" t="s">
        <v>243</v>
      </c>
      <c r="C35" s="2" t="s">
        <v>69</v>
      </c>
      <c r="D35" s="7"/>
      <c r="E35" s="1" t="s">
        <v>228</v>
      </c>
      <c r="F35" s="1" t="s">
        <v>253</v>
      </c>
      <c r="G35" s="8">
        <v>30355</v>
      </c>
      <c r="H35" s="5" t="s">
        <v>102</v>
      </c>
    </row>
    <row r="36" spans="1:8" x14ac:dyDescent="0.15">
      <c r="A36" s="1" t="s">
        <v>62</v>
      </c>
      <c r="B36" s="1" t="s">
        <v>519</v>
      </c>
      <c r="C36" s="2" t="s">
        <v>264</v>
      </c>
      <c r="D36" s="7"/>
      <c r="E36" s="1" t="s">
        <v>228</v>
      </c>
      <c r="F36" s="1" t="s">
        <v>253</v>
      </c>
      <c r="G36" s="8">
        <v>30421</v>
      </c>
      <c r="H36" s="5" t="s">
        <v>520</v>
      </c>
    </row>
    <row r="37" spans="1:8" x14ac:dyDescent="0.15">
      <c r="A37" s="1" t="s">
        <v>62</v>
      </c>
      <c r="B37" s="1" t="s">
        <v>464</v>
      </c>
      <c r="C37" s="2" t="s">
        <v>34</v>
      </c>
      <c r="D37" s="7"/>
      <c r="E37" s="1" t="s">
        <v>228</v>
      </c>
      <c r="F37" s="1" t="s">
        <v>253</v>
      </c>
      <c r="G37" s="8">
        <v>30456</v>
      </c>
      <c r="H37" s="5" t="s">
        <v>465</v>
      </c>
    </row>
    <row r="38" spans="1:8" x14ac:dyDescent="0.15">
      <c r="A38" s="1" t="s">
        <v>62</v>
      </c>
      <c r="B38" s="1" t="s">
        <v>501</v>
      </c>
      <c r="C38" s="2" t="s">
        <v>504</v>
      </c>
      <c r="D38" s="7"/>
      <c r="E38" s="1" t="s">
        <v>228</v>
      </c>
      <c r="F38" s="1" t="s">
        <v>253</v>
      </c>
      <c r="G38" s="8">
        <v>30600</v>
      </c>
      <c r="H38" s="5" t="s">
        <v>505</v>
      </c>
    </row>
    <row r="39" spans="1:8" x14ac:dyDescent="0.15">
      <c r="A39" s="1" t="s">
        <v>62</v>
      </c>
      <c r="B39" s="1" t="s">
        <v>521</v>
      </c>
      <c r="C39" s="2" t="s">
        <v>522</v>
      </c>
      <c r="D39" s="7"/>
      <c r="E39" s="1" t="s">
        <v>228</v>
      </c>
      <c r="F39" s="1" t="s">
        <v>253</v>
      </c>
      <c r="G39" s="8">
        <v>30600</v>
      </c>
      <c r="H39" s="5" t="s">
        <v>523</v>
      </c>
    </row>
    <row r="40" spans="1:8" x14ac:dyDescent="0.15">
      <c r="A40" s="1" t="s">
        <v>62</v>
      </c>
      <c r="B40" s="1" t="s">
        <v>529</v>
      </c>
      <c r="C40" s="2" t="s">
        <v>595</v>
      </c>
      <c r="D40" s="7"/>
      <c r="E40" s="1" t="s">
        <v>228</v>
      </c>
      <c r="F40" s="1" t="s">
        <v>503</v>
      </c>
      <c r="G40" s="8">
        <v>30755</v>
      </c>
      <c r="H40" s="5"/>
    </row>
    <row r="41" spans="1:8" x14ac:dyDescent="0.15">
      <c r="A41" s="1" t="s">
        <v>62</v>
      </c>
      <c r="B41" s="1" t="s">
        <v>466</v>
      </c>
      <c r="C41" s="2" t="s">
        <v>467</v>
      </c>
      <c r="D41" s="7"/>
      <c r="E41" s="1" t="s">
        <v>228</v>
      </c>
      <c r="F41" s="1" t="s">
        <v>253</v>
      </c>
      <c r="G41" s="8">
        <v>30944</v>
      </c>
      <c r="H41" s="5" t="s">
        <v>461</v>
      </c>
    </row>
    <row r="42" spans="1:8" x14ac:dyDescent="0.15">
      <c r="A42" s="1" t="s">
        <v>62</v>
      </c>
      <c r="B42" s="1" t="s">
        <v>32</v>
      </c>
      <c r="C42" s="2" t="s">
        <v>398</v>
      </c>
      <c r="D42" s="7"/>
      <c r="E42" s="1" t="s">
        <v>131</v>
      </c>
      <c r="F42" s="1" t="s">
        <v>233</v>
      </c>
      <c r="G42" s="8">
        <v>31163</v>
      </c>
      <c r="H42" s="5" t="s">
        <v>399</v>
      </c>
    </row>
    <row r="43" spans="1:8" x14ac:dyDescent="0.15">
      <c r="A43" s="1" t="s">
        <v>60</v>
      </c>
      <c r="B43" s="1" t="s">
        <v>173</v>
      </c>
      <c r="C43" s="2" t="s">
        <v>23</v>
      </c>
      <c r="D43" s="7"/>
      <c r="E43" s="1" t="s">
        <v>142</v>
      </c>
      <c r="F43" s="1" t="s">
        <v>23</v>
      </c>
      <c r="G43" s="8">
        <v>31293</v>
      </c>
      <c r="H43" s="5" t="s">
        <v>25</v>
      </c>
    </row>
    <row r="44" spans="1:8" x14ac:dyDescent="0.15">
      <c r="A44" s="1" t="s">
        <v>60</v>
      </c>
      <c r="B44" s="1" t="s">
        <v>215</v>
      </c>
      <c r="C44" s="2" t="s">
        <v>216</v>
      </c>
      <c r="D44" s="7"/>
      <c r="E44" s="1"/>
      <c r="F44" s="1"/>
      <c r="G44" s="8">
        <v>31395</v>
      </c>
      <c r="H44" s="5" t="s">
        <v>205</v>
      </c>
    </row>
    <row r="45" spans="1:8" x14ac:dyDescent="0.15">
      <c r="A45" s="1" t="s">
        <v>62</v>
      </c>
      <c r="B45" s="1" t="s">
        <v>114</v>
      </c>
      <c r="C45" s="2" t="s">
        <v>436</v>
      </c>
      <c r="D45" s="7"/>
      <c r="E45" s="1" t="s">
        <v>131</v>
      </c>
      <c r="F45" s="1" t="s">
        <v>233</v>
      </c>
      <c r="G45" s="8">
        <v>31402</v>
      </c>
      <c r="H45" s="5" t="s">
        <v>401</v>
      </c>
    </row>
    <row r="46" spans="1:8" x14ac:dyDescent="0.15">
      <c r="A46" s="1" t="s">
        <v>60</v>
      </c>
      <c r="B46" s="1" t="s">
        <v>580</v>
      </c>
      <c r="C46" s="2" t="s">
        <v>581</v>
      </c>
      <c r="D46" s="7"/>
      <c r="E46" s="1"/>
      <c r="F46" s="1"/>
      <c r="G46" s="8">
        <v>31852</v>
      </c>
      <c r="H46" s="5"/>
    </row>
    <row r="47" spans="1:8" x14ac:dyDescent="0.15">
      <c r="A47" s="1" t="s">
        <v>62</v>
      </c>
      <c r="B47" s="1" t="s">
        <v>9</v>
      </c>
      <c r="C47" s="2" t="s">
        <v>93</v>
      </c>
      <c r="D47" s="7"/>
      <c r="E47" s="1" t="s">
        <v>228</v>
      </c>
      <c r="F47" s="1" t="s">
        <v>503</v>
      </c>
      <c r="G47" s="8">
        <v>32045</v>
      </c>
      <c r="H47" s="5"/>
    </row>
    <row r="48" spans="1:8" x14ac:dyDescent="0.15">
      <c r="A48" s="1" t="s">
        <v>62</v>
      </c>
      <c r="B48" s="1" t="s">
        <v>183</v>
      </c>
      <c r="C48" s="2" t="s">
        <v>201</v>
      </c>
      <c r="D48" s="7"/>
      <c r="E48" s="1" t="s">
        <v>131</v>
      </c>
      <c r="F48" s="1" t="s">
        <v>233</v>
      </c>
      <c r="G48" s="8">
        <v>32076</v>
      </c>
      <c r="H48" s="5" t="s">
        <v>426</v>
      </c>
    </row>
    <row r="49" spans="1:8" x14ac:dyDescent="0.15">
      <c r="A49" s="1" t="s">
        <v>62</v>
      </c>
      <c r="B49" s="1" t="s">
        <v>20</v>
      </c>
      <c r="C49" s="2" t="s">
        <v>263</v>
      </c>
      <c r="D49" s="7"/>
      <c r="E49" s="1" t="s">
        <v>327</v>
      </c>
      <c r="F49" s="1" t="s">
        <v>220</v>
      </c>
      <c r="G49" s="8">
        <v>32242</v>
      </c>
      <c r="H49" s="5" t="s">
        <v>149</v>
      </c>
    </row>
    <row r="50" spans="1:8" x14ac:dyDescent="0.15">
      <c r="A50" s="1" t="s">
        <v>62</v>
      </c>
      <c r="B50" s="1" t="s">
        <v>286</v>
      </c>
      <c r="C50" s="2" t="s">
        <v>566</v>
      </c>
      <c r="D50" s="7"/>
      <c r="E50" s="1" t="s">
        <v>228</v>
      </c>
      <c r="F50" s="1" t="s">
        <v>503</v>
      </c>
      <c r="G50" s="8">
        <v>32259</v>
      </c>
      <c r="H50" s="5"/>
    </row>
    <row r="51" spans="1:8" x14ac:dyDescent="0.15">
      <c r="A51" s="1" t="s">
        <v>62</v>
      </c>
      <c r="B51" s="1" t="s">
        <v>511</v>
      </c>
      <c r="C51" s="2" t="s">
        <v>390</v>
      </c>
      <c r="D51" s="7"/>
      <c r="E51" s="1" t="s">
        <v>228</v>
      </c>
      <c r="F51" s="1" t="s">
        <v>253</v>
      </c>
      <c r="G51" s="8">
        <v>32329</v>
      </c>
      <c r="H51" s="5" t="s">
        <v>512</v>
      </c>
    </row>
    <row r="52" spans="1:8" x14ac:dyDescent="0.15">
      <c r="A52" s="1" t="s">
        <v>62</v>
      </c>
      <c r="B52" s="1" t="s">
        <v>527</v>
      </c>
      <c r="C52" s="2" t="s">
        <v>112</v>
      </c>
      <c r="D52" s="7"/>
      <c r="E52" s="1" t="s">
        <v>228</v>
      </c>
      <c r="F52" s="1" t="s">
        <v>253</v>
      </c>
      <c r="G52" s="8">
        <v>32339</v>
      </c>
      <c r="H52" s="5" t="s">
        <v>496</v>
      </c>
    </row>
    <row r="53" spans="1:8" x14ac:dyDescent="0.15">
      <c r="A53" s="1" t="s">
        <v>60</v>
      </c>
      <c r="B53" s="1" t="s">
        <v>213</v>
      </c>
      <c r="C53" s="2" t="s">
        <v>49</v>
      </c>
      <c r="D53" s="7"/>
      <c r="E53" s="1"/>
      <c r="F53" s="1" t="s">
        <v>49</v>
      </c>
      <c r="G53" s="8">
        <v>32431</v>
      </c>
      <c r="H53" s="5"/>
    </row>
    <row r="54" spans="1:8" x14ac:dyDescent="0.15">
      <c r="A54" s="1" t="s">
        <v>62</v>
      </c>
      <c r="B54" s="1" t="s">
        <v>490</v>
      </c>
      <c r="C54" s="2" t="s">
        <v>604</v>
      </c>
      <c r="D54" s="7"/>
      <c r="E54" s="1" t="s">
        <v>228</v>
      </c>
      <c r="F54" s="1" t="s">
        <v>503</v>
      </c>
      <c r="G54" s="8">
        <v>32489</v>
      </c>
      <c r="H54" s="5"/>
    </row>
    <row r="55" spans="1:8" x14ac:dyDescent="0.15">
      <c r="A55" s="1" t="s">
        <v>62</v>
      </c>
      <c r="B55" s="1" t="s">
        <v>323</v>
      </c>
      <c r="C55" s="2" t="s">
        <v>326</v>
      </c>
      <c r="D55" s="7"/>
      <c r="E55" s="1" t="s">
        <v>327</v>
      </c>
      <c r="F55" s="1" t="s">
        <v>220</v>
      </c>
      <c r="G55" s="8">
        <v>32521</v>
      </c>
      <c r="H55" s="5" t="s">
        <v>328</v>
      </c>
    </row>
    <row r="56" spans="1:8" x14ac:dyDescent="0.15">
      <c r="A56" s="1" t="s">
        <v>62</v>
      </c>
      <c r="B56" s="1" t="s">
        <v>598</v>
      </c>
      <c r="C56" s="2" t="s">
        <v>298</v>
      </c>
      <c r="D56" s="7"/>
      <c r="E56" s="1" t="s">
        <v>228</v>
      </c>
      <c r="F56" s="1" t="s">
        <v>503</v>
      </c>
      <c r="G56" s="8">
        <v>32564</v>
      </c>
      <c r="H56" s="5"/>
    </row>
    <row r="57" spans="1:8" x14ac:dyDescent="0.15">
      <c r="A57" s="1" t="s">
        <v>62</v>
      </c>
      <c r="B57" s="1" t="s">
        <v>353</v>
      </c>
      <c r="C57" s="2" t="s">
        <v>336</v>
      </c>
      <c r="D57" s="7"/>
      <c r="E57" s="1" t="s">
        <v>327</v>
      </c>
      <c r="F57" s="1" t="s">
        <v>220</v>
      </c>
      <c r="G57" s="8">
        <v>32590</v>
      </c>
      <c r="H57" s="5" t="s">
        <v>169</v>
      </c>
    </row>
    <row r="58" spans="1:8" x14ac:dyDescent="0.15">
      <c r="A58" s="1" t="s">
        <v>60</v>
      </c>
      <c r="B58" s="1" t="s">
        <v>457</v>
      </c>
      <c r="C58" s="2" t="s">
        <v>322</v>
      </c>
      <c r="D58" s="7"/>
      <c r="E58" s="1" t="s">
        <v>131</v>
      </c>
      <c r="F58" s="1" t="s">
        <v>233</v>
      </c>
      <c r="G58" s="8">
        <v>32626</v>
      </c>
      <c r="H58" s="5"/>
    </row>
    <row r="59" spans="1:8" x14ac:dyDescent="0.15">
      <c r="A59" s="1" t="s">
        <v>62</v>
      </c>
      <c r="B59" s="1" t="s">
        <v>48</v>
      </c>
      <c r="C59" s="2" t="s">
        <v>365</v>
      </c>
      <c r="D59" s="7"/>
      <c r="E59" s="1"/>
      <c r="F59" s="1" t="s">
        <v>355</v>
      </c>
      <c r="G59" s="8">
        <v>32937</v>
      </c>
      <c r="H59" s="5" t="s">
        <v>292</v>
      </c>
    </row>
    <row r="60" spans="1:8" x14ac:dyDescent="0.15">
      <c r="A60" s="1" t="s">
        <v>60</v>
      </c>
      <c r="B60" s="1" t="s">
        <v>58</v>
      </c>
      <c r="C60" s="2" t="s">
        <v>28</v>
      </c>
      <c r="D60" s="7"/>
      <c r="E60" s="1" t="s">
        <v>706</v>
      </c>
      <c r="F60" s="1" t="s">
        <v>28</v>
      </c>
      <c r="G60" s="8">
        <v>32945</v>
      </c>
      <c r="H60" s="5" t="s">
        <v>274</v>
      </c>
    </row>
    <row r="61" spans="1:8" x14ac:dyDescent="0.15">
      <c r="A61" s="1" t="s">
        <v>62</v>
      </c>
      <c r="B61" s="1" t="s">
        <v>524</v>
      </c>
      <c r="C61" s="2" t="s">
        <v>525</v>
      </c>
      <c r="D61" s="7"/>
      <c r="E61" s="1" t="s">
        <v>228</v>
      </c>
      <c r="F61" s="1" t="s">
        <v>253</v>
      </c>
      <c r="G61" s="8">
        <v>33144</v>
      </c>
      <c r="H61" s="5" t="s">
        <v>288</v>
      </c>
    </row>
    <row r="62" spans="1:8" x14ac:dyDescent="0.15">
      <c r="A62" s="1" t="s">
        <v>60</v>
      </c>
      <c r="B62" s="1" t="s">
        <v>262</v>
      </c>
      <c r="C62" s="2" t="s">
        <v>538</v>
      </c>
      <c r="D62" s="7"/>
      <c r="E62" s="1" t="s">
        <v>239</v>
      </c>
      <c r="F62" s="1" t="s">
        <v>538</v>
      </c>
      <c r="G62" s="8">
        <v>33365</v>
      </c>
      <c r="H62" s="5" t="s">
        <v>539</v>
      </c>
    </row>
    <row r="63" spans="1:8" x14ac:dyDescent="0.15">
      <c r="A63" s="1" t="s">
        <v>62</v>
      </c>
      <c r="B63" s="1" t="s">
        <v>349</v>
      </c>
      <c r="C63" s="2" t="s">
        <v>73</v>
      </c>
      <c r="D63" s="7"/>
      <c r="E63" s="1" t="s">
        <v>327</v>
      </c>
      <c r="F63" s="1" t="s">
        <v>220</v>
      </c>
      <c r="G63" s="8">
        <v>33390</v>
      </c>
      <c r="H63" s="5" t="s">
        <v>350</v>
      </c>
    </row>
    <row r="64" spans="1:8" x14ac:dyDescent="0.15">
      <c r="A64" s="1" t="s">
        <v>62</v>
      </c>
      <c r="B64" s="1" t="s">
        <v>296</v>
      </c>
      <c r="C64" s="2" t="s">
        <v>343</v>
      </c>
      <c r="D64" s="7"/>
      <c r="E64" s="1" t="s">
        <v>327</v>
      </c>
      <c r="F64" s="1" t="s">
        <v>220</v>
      </c>
      <c r="G64" s="8">
        <v>33498</v>
      </c>
      <c r="H64" s="5" t="s">
        <v>345</v>
      </c>
    </row>
    <row r="65" spans="1:8" x14ac:dyDescent="0.15">
      <c r="A65" s="1" t="s">
        <v>60</v>
      </c>
      <c r="B65" s="1" t="s">
        <v>7</v>
      </c>
      <c r="C65" s="2" t="s">
        <v>121</v>
      </c>
      <c r="D65" s="7"/>
      <c r="E65" s="1"/>
      <c r="F65" s="1"/>
      <c r="G65" s="8">
        <v>33590</v>
      </c>
      <c r="H65" s="5"/>
    </row>
    <row r="66" spans="1:8" x14ac:dyDescent="0.15">
      <c r="A66" s="1" t="s">
        <v>62</v>
      </c>
      <c r="B66" s="1" t="s">
        <v>375</v>
      </c>
      <c r="C66" s="2" t="s">
        <v>606</v>
      </c>
      <c r="D66" s="7"/>
      <c r="E66" s="1" t="s">
        <v>228</v>
      </c>
      <c r="F66" s="1" t="s">
        <v>503</v>
      </c>
      <c r="G66" s="8">
        <v>33641</v>
      </c>
      <c r="H66" s="5"/>
    </row>
    <row r="67" spans="1:8" x14ac:dyDescent="0.15">
      <c r="A67" s="1" t="s">
        <v>60</v>
      </c>
      <c r="B67" s="1" t="s">
        <v>132</v>
      </c>
      <c r="C67" s="2" t="s">
        <v>193</v>
      </c>
      <c r="D67" s="7"/>
      <c r="E67" s="1"/>
      <c r="F67" s="1" t="s">
        <v>193</v>
      </c>
      <c r="G67" s="8">
        <v>33835</v>
      </c>
      <c r="H67" s="5" t="s">
        <v>10</v>
      </c>
    </row>
    <row r="68" spans="1:8" x14ac:dyDescent="0.15">
      <c r="A68" s="1" t="s">
        <v>60</v>
      </c>
      <c r="B68" s="1" t="s">
        <v>64</v>
      </c>
      <c r="C68" s="2" t="s">
        <v>3</v>
      </c>
      <c r="D68" s="7"/>
      <c r="E68" s="1" t="s">
        <v>86</v>
      </c>
      <c r="F68" s="1" t="s">
        <v>87</v>
      </c>
      <c r="G68" s="8">
        <v>33953</v>
      </c>
      <c r="H68" s="5"/>
    </row>
    <row r="69" spans="1:8" x14ac:dyDescent="0.15">
      <c r="A69" s="1" t="s">
        <v>60</v>
      </c>
      <c r="B69" s="1" t="s">
        <v>474</v>
      </c>
      <c r="C69" s="2" t="s">
        <v>192</v>
      </c>
      <c r="D69" s="7"/>
      <c r="E69" s="1" t="s">
        <v>708</v>
      </c>
      <c r="F69" s="1" t="s">
        <v>473</v>
      </c>
      <c r="G69" s="8">
        <v>34003</v>
      </c>
      <c r="H69" s="5" t="s">
        <v>476</v>
      </c>
    </row>
    <row r="70" spans="1:8" x14ac:dyDescent="0.15">
      <c r="A70" s="1" t="s">
        <v>62</v>
      </c>
      <c r="B70" s="1" t="s">
        <v>516</v>
      </c>
      <c r="C70" s="2" t="s">
        <v>289</v>
      </c>
      <c r="D70" s="7"/>
      <c r="E70" s="1" t="s">
        <v>228</v>
      </c>
      <c r="F70" s="1" t="s">
        <v>253</v>
      </c>
      <c r="G70" s="8">
        <v>34062</v>
      </c>
      <c r="H70" s="5" t="s">
        <v>14</v>
      </c>
    </row>
    <row r="71" spans="1:8" x14ac:dyDescent="0.15">
      <c r="A71" s="1" t="s">
        <v>62</v>
      </c>
      <c r="B71" s="1" t="s">
        <v>607</v>
      </c>
      <c r="C71" s="2" t="s">
        <v>608</v>
      </c>
      <c r="D71" s="7"/>
      <c r="E71" s="1" t="s">
        <v>228</v>
      </c>
      <c r="F71" s="1" t="s">
        <v>503</v>
      </c>
      <c r="G71" s="8">
        <v>34215</v>
      </c>
      <c r="H71" s="5"/>
    </row>
    <row r="72" spans="1:8" x14ac:dyDescent="0.15">
      <c r="A72" s="1" t="s">
        <v>62</v>
      </c>
      <c r="B72" s="1" t="s">
        <v>354</v>
      </c>
      <c r="C72" s="2" t="s">
        <v>303</v>
      </c>
      <c r="D72" s="7"/>
      <c r="E72" s="1" t="s">
        <v>327</v>
      </c>
      <c r="F72" s="1" t="s">
        <v>220</v>
      </c>
      <c r="G72" s="8">
        <v>34309</v>
      </c>
      <c r="H72" s="5" t="s">
        <v>153</v>
      </c>
    </row>
    <row r="73" spans="1:8" x14ac:dyDescent="0.15">
      <c r="A73" s="1" t="s">
        <v>60</v>
      </c>
      <c r="B73" s="1" t="s">
        <v>533</v>
      </c>
      <c r="C73" s="2" t="s">
        <v>410</v>
      </c>
      <c r="D73" s="7"/>
      <c r="E73" s="1" t="s">
        <v>327</v>
      </c>
      <c r="F73" s="1" t="s">
        <v>220</v>
      </c>
      <c r="G73" s="8">
        <v>34309</v>
      </c>
      <c r="H73" s="5"/>
    </row>
    <row r="74" spans="1:8" x14ac:dyDescent="0.15">
      <c r="A74" s="1" t="s">
        <v>62</v>
      </c>
      <c r="B74" s="1" t="s">
        <v>290</v>
      </c>
      <c r="C74" s="2" t="s">
        <v>489</v>
      </c>
      <c r="D74" s="7"/>
      <c r="E74" s="1" t="s">
        <v>228</v>
      </c>
      <c r="F74" s="1" t="s">
        <v>503</v>
      </c>
      <c r="G74" s="8">
        <v>34426</v>
      </c>
      <c r="H74" s="5"/>
    </row>
    <row r="75" spans="1:8" x14ac:dyDescent="0.15">
      <c r="A75" s="1" t="s">
        <v>62</v>
      </c>
      <c r="B75" s="1" t="s">
        <v>407</v>
      </c>
      <c r="C75" s="2" t="s">
        <v>509</v>
      </c>
      <c r="D75" s="7"/>
      <c r="E75" s="1" t="s">
        <v>228</v>
      </c>
      <c r="F75" s="1" t="s">
        <v>253</v>
      </c>
      <c r="G75" s="8">
        <v>34437</v>
      </c>
      <c r="H75" s="5" t="s">
        <v>510</v>
      </c>
    </row>
    <row r="76" spans="1:8" x14ac:dyDescent="0.15">
      <c r="A76" s="1" t="s">
        <v>60</v>
      </c>
      <c r="B76" s="1" t="s">
        <v>157</v>
      </c>
      <c r="C76" s="2" t="s">
        <v>155</v>
      </c>
      <c r="D76" s="7"/>
      <c r="E76" s="1"/>
      <c r="F76" s="1"/>
      <c r="G76" s="8">
        <v>34502</v>
      </c>
      <c r="H76" s="5" t="s">
        <v>159</v>
      </c>
    </row>
    <row r="77" spans="1:8" x14ac:dyDescent="0.15">
      <c r="A77" s="1" t="s">
        <v>60</v>
      </c>
      <c r="B77" s="1" t="s">
        <v>576</v>
      </c>
      <c r="C77" s="2" t="s">
        <v>276</v>
      </c>
      <c r="D77" s="7"/>
      <c r="E77" s="1" t="s">
        <v>526</v>
      </c>
      <c r="F77" s="1" t="s">
        <v>577</v>
      </c>
      <c r="G77" s="8">
        <v>34506</v>
      </c>
      <c r="H77" s="5"/>
    </row>
    <row r="78" spans="1:8" x14ac:dyDescent="0.15">
      <c r="A78" s="1" t="s">
        <v>62</v>
      </c>
      <c r="B78" s="1" t="s">
        <v>83</v>
      </c>
      <c r="C78" s="2" t="s">
        <v>33</v>
      </c>
      <c r="D78" s="7"/>
      <c r="E78" s="1" t="s">
        <v>131</v>
      </c>
      <c r="F78" s="1" t="s">
        <v>233</v>
      </c>
      <c r="G78" s="8">
        <v>34513</v>
      </c>
      <c r="H78" s="5" t="s">
        <v>279</v>
      </c>
    </row>
    <row r="79" spans="1:8" x14ac:dyDescent="0.15">
      <c r="A79" s="1" t="s">
        <v>60</v>
      </c>
      <c r="B79" s="1" t="s">
        <v>165</v>
      </c>
      <c r="C79" s="2" t="s">
        <v>181</v>
      </c>
      <c r="D79" s="7"/>
      <c r="E79" s="1"/>
      <c r="F79" s="1" t="s">
        <v>181</v>
      </c>
      <c r="G79" s="8">
        <v>34516</v>
      </c>
      <c r="H79" s="5"/>
    </row>
    <row r="80" spans="1:8" x14ac:dyDescent="0.15">
      <c r="A80" s="1" t="s">
        <v>62</v>
      </c>
      <c r="B80" s="1" t="s">
        <v>448</v>
      </c>
      <c r="C80" s="2" t="s">
        <v>154</v>
      </c>
      <c r="D80" s="7"/>
      <c r="E80" s="1" t="s">
        <v>131</v>
      </c>
      <c r="F80" s="1" t="s">
        <v>233</v>
      </c>
      <c r="G80" s="8">
        <v>34654</v>
      </c>
      <c r="H80" s="5" t="s">
        <v>325</v>
      </c>
    </row>
    <row r="81" spans="1:8" x14ac:dyDescent="0.15">
      <c r="A81" s="1" t="s">
        <v>60</v>
      </c>
      <c r="B81" s="1" t="s">
        <v>80</v>
      </c>
      <c r="C81" s="2" t="s">
        <v>223</v>
      </c>
      <c r="D81" s="7"/>
      <c r="E81" s="1" t="s">
        <v>475</v>
      </c>
      <c r="F81" s="1" t="s">
        <v>223</v>
      </c>
      <c r="G81" s="8">
        <v>34680</v>
      </c>
      <c r="H81" s="5"/>
    </row>
    <row r="82" spans="1:8" x14ac:dyDescent="0.15">
      <c r="A82" s="1" t="s">
        <v>60</v>
      </c>
      <c r="B82" s="1" t="s">
        <v>485</v>
      </c>
      <c r="C82" s="2" t="s">
        <v>24</v>
      </c>
      <c r="D82" s="7"/>
      <c r="E82" s="1" t="s">
        <v>485</v>
      </c>
      <c r="F82" s="1" t="s">
        <v>397</v>
      </c>
      <c r="G82" s="8">
        <v>34719</v>
      </c>
      <c r="H82" s="5"/>
    </row>
    <row r="83" spans="1:8" x14ac:dyDescent="0.15">
      <c r="A83" s="1" t="s">
        <v>60</v>
      </c>
      <c r="B83" s="1" t="s">
        <v>486</v>
      </c>
      <c r="C83" s="2" t="s">
        <v>698</v>
      </c>
      <c r="D83" s="7"/>
      <c r="E83" s="1" t="s">
        <v>242</v>
      </c>
      <c r="F83" s="1" t="s">
        <v>237</v>
      </c>
      <c r="G83" s="8">
        <v>34815</v>
      </c>
      <c r="H83" s="5"/>
    </row>
    <row r="84" spans="1:8" x14ac:dyDescent="0.15">
      <c r="A84" s="1" t="s">
        <v>62</v>
      </c>
      <c r="B84" s="1" t="s">
        <v>339</v>
      </c>
      <c r="C84" s="2" t="s">
        <v>340</v>
      </c>
      <c r="D84" s="7"/>
      <c r="E84" s="1" t="s">
        <v>327</v>
      </c>
      <c r="F84" s="1" t="s">
        <v>220</v>
      </c>
      <c r="G84" s="8">
        <v>34835</v>
      </c>
      <c r="H84" s="5" t="s">
        <v>341</v>
      </c>
    </row>
    <row r="85" spans="1:8" x14ac:dyDescent="0.15">
      <c r="A85" s="1" t="s">
        <v>62</v>
      </c>
      <c r="B85" s="1" t="s">
        <v>143</v>
      </c>
      <c r="C85" s="2" t="s">
        <v>432</v>
      </c>
      <c r="D85" s="7"/>
      <c r="E85" s="1" t="s">
        <v>131</v>
      </c>
      <c r="F85" s="1" t="s">
        <v>233</v>
      </c>
      <c r="G85" s="8">
        <v>34851</v>
      </c>
      <c r="H85" s="5" t="s">
        <v>277</v>
      </c>
    </row>
    <row r="86" spans="1:8" x14ac:dyDescent="0.15">
      <c r="A86" s="1" t="s">
        <v>62</v>
      </c>
      <c r="B86" s="1" t="s">
        <v>402</v>
      </c>
      <c r="C86" s="2" t="s">
        <v>541</v>
      </c>
      <c r="D86" s="7"/>
      <c r="E86" s="1" t="s">
        <v>364</v>
      </c>
      <c r="F86" s="1" t="s">
        <v>540</v>
      </c>
      <c r="G86" s="8">
        <v>34990</v>
      </c>
      <c r="H86" s="5" t="s">
        <v>190</v>
      </c>
    </row>
    <row r="87" spans="1:8" x14ac:dyDescent="0.15">
      <c r="A87" s="1" t="s">
        <v>62</v>
      </c>
      <c r="B87" s="1" t="s">
        <v>332</v>
      </c>
      <c r="C87" s="2" t="s">
        <v>333</v>
      </c>
      <c r="D87" s="7"/>
      <c r="E87" s="1" t="s">
        <v>327</v>
      </c>
      <c r="F87" s="1" t="s">
        <v>220</v>
      </c>
      <c r="G87" s="8">
        <v>35100</v>
      </c>
      <c r="H87" s="5"/>
    </row>
    <row r="88" spans="1:8" x14ac:dyDescent="0.15">
      <c r="A88" s="1" t="s">
        <v>60</v>
      </c>
      <c r="B88" s="1" t="s">
        <v>480</v>
      </c>
      <c r="C88" s="2" t="s">
        <v>41</v>
      </c>
      <c r="D88" s="7"/>
      <c r="E88" s="1"/>
      <c r="F88" s="1"/>
      <c r="G88" s="8">
        <v>35138</v>
      </c>
      <c r="H88" s="5" t="s">
        <v>481</v>
      </c>
    </row>
    <row r="89" spans="1:8" x14ac:dyDescent="0.15">
      <c r="A89" s="1" t="s">
        <v>62</v>
      </c>
      <c r="B89" s="1" t="s">
        <v>36</v>
      </c>
      <c r="C89" s="2" t="s">
        <v>458</v>
      </c>
      <c r="D89" s="7"/>
      <c r="E89" s="1" t="s">
        <v>327</v>
      </c>
      <c r="F89" s="1" t="s">
        <v>220</v>
      </c>
      <c r="G89" s="8">
        <v>35156</v>
      </c>
      <c r="H89" s="5"/>
    </row>
    <row r="90" spans="1:8" x14ac:dyDescent="0.15">
      <c r="A90" s="1" t="s">
        <v>60</v>
      </c>
      <c r="B90" s="1" t="s">
        <v>185</v>
      </c>
      <c r="C90" s="2" t="s">
        <v>16</v>
      </c>
      <c r="D90" s="7"/>
      <c r="E90" s="1"/>
      <c r="F90" s="1"/>
      <c r="G90" s="8">
        <v>35391</v>
      </c>
      <c r="H90" s="5" t="s">
        <v>176</v>
      </c>
    </row>
    <row r="91" spans="1:8" x14ac:dyDescent="0.15">
      <c r="A91" s="1" t="s">
        <v>62</v>
      </c>
      <c r="B91" s="1" t="s">
        <v>21</v>
      </c>
      <c r="C91" s="2" t="s">
        <v>493</v>
      </c>
      <c r="D91" s="7"/>
      <c r="E91" s="1" t="s">
        <v>228</v>
      </c>
      <c r="F91" s="1" t="s">
        <v>253</v>
      </c>
      <c r="G91" s="8">
        <v>35399</v>
      </c>
      <c r="H91" s="5"/>
    </row>
    <row r="92" spans="1:8" x14ac:dyDescent="0.15">
      <c r="A92" s="1" t="s">
        <v>62</v>
      </c>
      <c r="B92" s="1" t="s">
        <v>514</v>
      </c>
      <c r="C92" s="2" t="s">
        <v>515</v>
      </c>
      <c r="D92" s="7"/>
      <c r="E92" s="1" t="s">
        <v>228</v>
      </c>
      <c r="F92" s="1" t="s">
        <v>229</v>
      </c>
      <c r="G92" s="8">
        <v>35417</v>
      </c>
      <c r="H92" s="5" t="s">
        <v>338</v>
      </c>
    </row>
    <row r="93" spans="1:8" x14ac:dyDescent="0.15">
      <c r="A93" s="1" t="s">
        <v>62</v>
      </c>
      <c r="B93" s="1" t="s">
        <v>37</v>
      </c>
      <c r="C93" s="2" t="s">
        <v>456</v>
      </c>
      <c r="D93" s="7"/>
      <c r="E93" s="1" t="s">
        <v>131</v>
      </c>
      <c r="F93" s="1" t="s">
        <v>233</v>
      </c>
      <c r="G93" s="8">
        <v>35475</v>
      </c>
      <c r="H93" s="5" t="s">
        <v>418</v>
      </c>
    </row>
    <row r="94" spans="1:8" x14ac:dyDescent="0.15">
      <c r="A94" s="1" t="s">
        <v>60</v>
      </c>
      <c r="B94" s="1" t="s">
        <v>189</v>
      </c>
      <c r="C94" s="2" t="s">
        <v>259</v>
      </c>
      <c r="D94" s="7"/>
      <c r="E94" s="1"/>
      <c r="F94" s="1" t="s">
        <v>260</v>
      </c>
      <c r="G94" s="8">
        <v>35491</v>
      </c>
      <c r="H94" s="5" t="s">
        <v>94</v>
      </c>
    </row>
    <row r="95" spans="1:8" x14ac:dyDescent="0.15">
      <c r="A95" s="1" t="s">
        <v>62</v>
      </c>
      <c r="B95" s="1" t="s">
        <v>256</v>
      </c>
      <c r="C95" s="2" t="s">
        <v>310</v>
      </c>
      <c r="D95" s="7"/>
      <c r="E95" s="1" t="s">
        <v>327</v>
      </c>
      <c r="F95" s="1" t="s">
        <v>220</v>
      </c>
      <c r="G95" s="8">
        <v>35492</v>
      </c>
      <c r="H95" s="5"/>
    </row>
    <row r="96" spans="1:8" x14ac:dyDescent="0.15">
      <c r="A96" s="1" t="s">
        <v>62</v>
      </c>
      <c r="B96" s="1" t="s">
        <v>567</v>
      </c>
      <c r="C96" s="2" t="s">
        <v>174</v>
      </c>
      <c r="D96" s="7"/>
      <c r="E96" s="1" t="s">
        <v>327</v>
      </c>
      <c r="F96" s="1" t="s">
        <v>220</v>
      </c>
      <c r="G96" s="8">
        <v>35527</v>
      </c>
      <c r="H96" s="5" t="s">
        <v>108</v>
      </c>
    </row>
    <row r="97" spans="1:8" x14ac:dyDescent="0.15">
      <c r="A97" s="1" t="s">
        <v>60</v>
      </c>
      <c r="B97" s="1" t="s">
        <v>528</v>
      </c>
      <c r="C97" s="2" t="s">
        <v>579</v>
      </c>
      <c r="D97" s="7"/>
      <c r="E97" s="1" t="s">
        <v>327</v>
      </c>
      <c r="F97" s="1" t="s">
        <v>220</v>
      </c>
      <c r="G97" s="8">
        <v>35527</v>
      </c>
      <c r="H97" s="5"/>
    </row>
    <row r="98" spans="1:8" x14ac:dyDescent="0.15">
      <c r="A98" s="1" t="s">
        <v>62</v>
      </c>
      <c r="B98" s="1" t="s">
        <v>612</v>
      </c>
      <c r="C98" s="2" t="s">
        <v>613</v>
      </c>
      <c r="D98" s="7"/>
      <c r="E98" s="1" t="s">
        <v>131</v>
      </c>
      <c r="F98" s="1" t="s">
        <v>233</v>
      </c>
      <c r="G98" s="8">
        <v>35633</v>
      </c>
      <c r="H98" s="5"/>
    </row>
    <row r="99" spans="1:8" x14ac:dyDescent="0.15">
      <c r="A99" s="1" t="s">
        <v>62</v>
      </c>
      <c r="B99" s="1" t="s">
        <v>404</v>
      </c>
      <c r="C99" s="2" t="s">
        <v>434</v>
      </c>
      <c r="D99" s="7"/>
      <c r="E99" s="1" t="s">
        <v>131</v>
      </c>
      <c r="F99" s="1" t="s">
        <v>233</v>
      </c>
      <c r="G99" s="8">
        <v>35691</v>
      </c>
      <c r="H99" s="5" t="s">
        <v>81</v>
      </c>
    </row>
    <row r="100" spans="1:8" x14ac:dyDescent="0.15">
      <c r="A100" s="1" t="s">
        <v>62</v>
      </c>
      <c r="B100" s="1" t="s">
        <v>469</v>
      </c>
      <c r="C100" s="2" t="s">
        <v>152</v>
      </c>
      <c r="D100" s="7"/>
      <c r="E100" s="1" t="s">
        <v>131</v>
      </c>
      <c r="F100" s="1" t="s">
        <v>233</v>
      </c>
      <c r="G100" s="8">
        <v>35731</v>
      </c>
      <c r="H100" s="5"/>
    </row>
    <row r="101" spans="1:8" x14ac:dyDescent="0.15">
      <c r="A101" s="1" t="s">
        <v>62</v>
      </c>
      <c r="B101" s="1" t="s">
        <v>439</v>
      </c>
      <c r="C101" s="2" t="s">
        <v>104</v>
      </c>
      <c r="D101" s="7"/>
      <c r="E101" s="1" t="s">
        <v>131</v>
      </c>
      <c r="F101" s="1" t="s">
        <v>233</v>
      </c>
      <c r="G101" s="8">
        <v>35744</v>
      </c>
      <c r="H101" s="5" t="s">
        <v>160</v>
      </c>
    </row>
    <row r="102" spans="1:8" x14ac:dyDescent="0.15">
      <c r="A102" s="1" t="s">
        <v>60</v>
      </c>
      <c r="B102" s="1" t="s">
        <v>161</v>
      </c>
      <c r="C102" s="2" t="s">
        <v>46</v>
      </c>
      <c r="D102" s="7"/>
      <c r="E102" s="1"/>
      <c r="F102" s="1"/>
      <c r="G102" s="8">
        <v>35776</v>
      </c>
      <c r="H102" s="5" t="s">
        <v>110</v>
      </c>
    </row>
    <row r="103" spans="1:8" x14ac:dyDescent="0.15">
      <c r="A103" s="1" t="s">
        <v>62</v>
      </c>
      <c r="B103" s="1" t="s">
        <v>513</v>
      </c>
      <c r="C103" s="2" t="s">
        <v>111</v>
      </c>
      <c r="D103" s="7"/>
      <c r="E103" s="1" t="s">
        <v>228</v>
      </c>
      <c r="F103" s="1" t="s">
        <v>503</v>
      </c>
      <c r="G103" s="8">
        <v>35902</v>
      </c>
      <c r="H103" s="5" t="s">
        <v>72</v>
      </c>
    </row>
    <row r="104" spans="1:8" x14ac:dyDescent="0.15">
      <c r="A104" s="1" t="s">
        <v>62</v>
      </c>
      <c r="B104" s="1" t="s">
        <v>136</v>
      </c>
      <c r="C104" s="2" t="s">
        <v>346</v>
      </c>
      <c r="D104" s="7"/>
      <c r="E104" s="1" t="s">
        <v>327</v>
      </c>
      <c r="F104" s="1" t="s">
        <v>220</v>
      </c>
      <c r="G104" s="8">
        <v>36129</v>
      </c>
      <c r="H104" s="5" t="s">
        <v>302</v>
      </c>
    </row>
    <row r="105" spans="1:8" x14ac:dyDescent="0.15">
      <c r="A105" s="1" t="s">
        <v>62</v>
      </c>
      <c r="B105" s="1" t="s">
        <v>437</v>
      </c>
      <c r="C105" s="2" t="s">
        <v>438</v>
      </c>
      <c r="D105" s="7"/>
      <c r="E105" s="1" t="s">
        <v>131</v>
      </c>
      <c r="F105" s="1" t="s">
        <v>233</v>
      </c>
      <c r="G105" s="8">
        <v>36136</v>
      </c>
      <c r="H105" s="5" t="s">
        <v>423</v>
      </c>
    </row>
    <row r="106" spans="1:8" x14ac:dyDescent="0.15">
      <c r="A106" s="1" t="s">
        <v>62</v>
      </c>
      <c r="B106" s="1" t="s">
        <v>140</v>
      </c>
      <c r="C106" s="2" t="s">
        <v>413</v>
      </c>
      <c r="D106" s="7"/>
      <c r="E106" s="1" t="s">
        <v>131</v>
      </c>
      <c r="F106" s="1" t="s">
        <v>233</v>
      </c>
      <c r="G106" s="8">
        <v>36237</v>
      </c>
      <c r="H106" s="5" t="s">
        <v>234</v>
      </c>
    </row>
    <row r="107" spans="1:8" x14ac:dyDescent="0.15">
      <c r="A107" s="1" t="s">
        <v>62</v>
      </c>
      <c r="B107" s="1" t="s">
        <v>583</v>
      </c>
      <c r="C107" s="2" t="s">
        <v>320</v>
      </c>
      <c r="D107" s="7"/>
      <c r="E107" s="1" t="s">
        <v>327</v>
      </c>
      <c r="F107" s="1" t="s">
        <v>220</v>
      </c>
      <c r="G107" s="8">
        <v>36251</v>
      </c>
      <c r="H107" s="5"/>
    </row>
    <row r="108" spans="1:8" x14ac:dyDescent="0.15">
      <c r="A108" s="1" t="s">
        <v>62</v>
      </c>
      <c r="B108" s="1" t="s">
        <v>98</v>
      </c>
      <c r="C108" s="2" t="s">
        <v>273</v>
      </c>
      <c r="D108" s="7"/>
      <c r="E108" s="1" t="s">
        <v>131</v>
      </c>
      <c r="F108" s="1" t="s">
        <v>233</v>
      </c>
      <c r="G108" s="8">
        <v>36265</v>
      </c>
      <c r="H108" s="5" t="s">
        <v>421</v>
      </c>
    </row>
    <row r="109" spans="1:8" x14ac:dyDescent="0.15">
      <c r="A109" s="1" t="s">
        <v>62</v>
      </c>
      <c r="B109" s="1" t="s">
        <v>211</v>
      </c>
      <c r="C109" s="2" t="s">
        <v>180</v>
      </c>
      <c r="D109" s="7"/>
      <c r="E109" s="1" t="s">
        <v>707</v>
      </c>
      <c r="F109" s="1" t="s">
        <v>212</v>
      </c>
      <c r="G109" s="8">
        <v>36307</v>
      </c>
      <c r="H109" s="5" t="s">
        <v>146</v>
      </c>
    </row>
    <row r="110" spans="1:8" x14ac:dyDescent="0.15">
      <c r="A110" s="1" t="s">
        <v>62</v>
      </c>
      <c r="B110" s="1" t="s">
        <v>151</v>
      </c>
      <c r="C110" s="2" t="s">
        <v>584</v>
      </c>
      <c r="D110" s="7"/>
      <c r="E110" s="1" t="s">
        <v>327</v>
      </c>
      <c r="F110" s="1" t="s">
        <v>220</v>
      </c>
      <c r="G110" s="8">
        <v>36332</v>
      </c>
      <c r="H110" s="5"/>
    </row>
    <row r="111" spans="1:8" x14ac:dyDescent="0.15">
      <c r="A111" s="1" t="s">
        <v>62</v>
      </c>
      <c r="B111" s="1" t="s">
        <v>70</v>
      </c>
      <c r="C111" s="2" t="s">
        <v>444</v>
      </c>
      <c r="D111" s="7"/>
      <c r="E111" s="1" t="s">
        <v>228</v>
      </c>
      <c r="F111" s="1" t="s">
        <v>229</v>
      </c>
      <c r="G111" s="8">
        <v>36423</v>
      </c>
      <c r="H111" s="5" t="s">
        <v>518</v>
      </c>
    </row>
    <row r="112" spans="1:8" x14ac:dyDescent="0.15">
      <c r="A112" s="1" t="s">
        <v>62</v>
      </c>
      <c r="B112" s="1" t="s">
        <v>247</v>
      </c>
      <c r="C112" s="2" t="s">
        <v>419</v>
      </c>
      <c r="D112" s="7"/>
      <c r="E112" s="1" t="s">
        <v>131</v>
      </c>
      <c r="F112" s="1" t="s">
        <v>233</v>
      </c>
      <c r="G112" s="8">
        <v>36563</v>
      </c>
      <c r="H112" s="5" t="s">
        <v>241</v>
      </c>
    </row>
    <row r="113" spans="1:8" x14ac:dyDescent="0.15">
      <c r="A113" s="1" t="s">
        <v>62</v>
      </c>
      <c r="B113" s="1" t="s">
        <v>416</v>
      </c>
      <c r="C113" s="2" t="s">
        <v>281</v>
      </c>
      <c r="D113" s="7"/>
      <c r="E113" s="1" t="s">
        <v>131</v>
      </c>
      <c r="F113" s="1" t="s">
        <v>233</v>
      </c>
      <c r="G113" s="8">
        <v>36578</v>
      </c>
      <c r="H113" s="5" t="s">
        <v>101</v>
      </c>
    </row>
    <row r="114" spans="1:8" x14ac:dyDescent="0.15">
      <c r="A114" s="1" t="s">
        <v>60</v>
      </c>
      <c r="B114" s="1" t="s">
        <v>123</v>
      </c>
      <c r="C114" s="2" t="s">
        <v>50</v>
      </c>
      <c r="D114" s="7"/>
      <c r="E114" s="1"/>
      <c r="F114" s="1"/>
      <c r="G114" s="8">
        <v>36587</v>
      </c>
      <c r="H114" s="5" t="s">
        <v>122</v>
      </c>
    </row>
    <row r="115" spans="1:8" x14ac:dyDescent="0.15">
      <c r="A115" s="1" t="s">
        <v>60</v>
      </c>
      <c r="B115" s="1" t="s">
        <v>76</v>
      </c>
      <c r="C115" s="2" t="s">
        <v>483</v>
      </c>
      <c r="D115" s="7"/>
      <c r="E115" s="1"/>
      <c r="F115" s="1"/>
      <c r="G115" s="8">
        <v>36598</v>
      </c>
      <c r="H115" s="5" t="s">
        <v>282</v>
      </c>
    </row>
    <row r="116" spans="1:8" x14ac:dyDescent="0.15">
      <c r="A116" s="1" t="s">
        <v>62</v>
      </c>
      <c r="B116" s="1" t="s">
        <v>417</v>
      </c>
      <c r="C116" s="2" t="s">
        <v>2</v>
      </c>
      <c r="D116" s="7"/>
      <c r="E116" s="1" t="s">
        <v>131</v>
      </c>
      <c r="F116" s="1" t="s">
        <v>233</v>
      </c>
      <c r="G116" s="8">
        <v>36620</v>
      </c>
      <c r="H116" s="5" t="s">
        <v>359</v>
      </c>
    </row>
    <row r="117" spans="1:8" x14ac:dyDescent="0.15">
      <c r="A117" s="1" t="s">
        <v>62</v>
      </c>
      <c r="B117" s="1" t="s">
        <v>424</v>
      </c>
      <c r="C117" s="2" t="s">
        <v>235</v>
      </c>
      <c r="D117" s="7"/>
      <c r="E117" s="1" t="s">
        <v>131</v>
      </c>
      <c r="F117" s="1" t="s">
        <v>233</v>
      </c>
      <c r="G117" s="8">
        <v>36672</v>
      </c>
      <c r="H117" s="5" t="s">
        <v>425</v>
      </c>
    </row>
    <row r="118" spans="1:8" x14ac:dyDescent="0.15">
      <c r="A118" s="1" t="s">
        <v>60</v>
      </c>
      <c r="B118" s="1" t="s">
        <v>477</v>
      </c>
      <c r="C118" s="2" t="s">
        <v>192</v>
      </c>
      <c r="D118" s="7"/>
      <c r="E118" s="1" t="s">
        <v>708</v>
      </c>
      <c r="F118" s="1" t="s">
        <v>473</v>
      </c>
      <c r="G118" s="8">
        <v>36782</v>
      </c>
      <c r="H118" s="5" t="s">
        <v>479</v>
      </c>
    </row>
    <row r="119" spans="1:8" x14ac:dyDescent="0.15">
      <c r="A119" s="1" t="s">
        <v>62</v>
      </c>
      <c r="B119" s="1" t="s">
        <v>52</v>
      </c>
      <c r="C119" s="2" t="s">
        <v>564</v>
      </c>
      <c r="D119" s="7"/>
      <c r="E119" s="1" t="s">
        <v>131</v>
      </c>
      <c r="F119" s="1" t="s">
        <v>233</v>
      </c>
      <c r="G119" s="8">
        <v>36801</v>
      </c>
      <c r="H119" s="5"/>
    </row>
    <row r="120" spans="1:8" x14ac:dyDescent="0.15">
      <c r="A120" s="1" t="s">
        <v>60</v>
      </c>
      <c r="B120" s="1" t="s">
        <v>643</v>
      </c>
      <c r="C120" s="2" t="s">
        <v>119</v>
      </c>
      <c r="D120" s="7"/>
      <c r="E120" s="1" t="s">
        <v>536</v>
      </c>
      <c r="F120" s="1" t="s">
        <v>689</v>
      </c>
      <c r="G120" s="8">
        <v>36937</v>
      </c>
      <c r="H120" s="5" t="s">
        <v>537</v>
      </c>
    </row>
    <row r="121" spans="1:8" x14ac:dyDescent="0.15">
      <c r="A121" s="1" t="s">
        <v>62</v>
      </c>
      <c r="B121" s="1" t="s">
        <v>31</v>
      </c>
      <c r="C121" s="2" t="s">
        <v>455</v>
      </c>
      <c r="D121" s="7"/>
      <c r="E121" s="1" t="s">
        <v>131</v>
      </c>
      <c r="F121" s="1" t="s">
        <v>233</v>
      </c>
      <c r="G121" s="8">
        <v>36985</v>
      </c>
      <c r="H121" s="5" t="s">
        <v>57</v>
      </c>
    </row>
    <row r="122" spans="1:8" x14ac:dyDescent="0.15">
      <c r="A122" s="1" t="s">
        <v>62</v>
      </c>
      <c r="B122" s="1" t="s">
        <v>222</v>
      </c>
      <c r="C122" s="2" t="s">
        <v>373</v>
      </c>
      <c r="D122" s="7"/>
      <c r="E122" s="1" t="s">
        <v>131</v>
      </c>
      <c r="F122" s="1" t="s">
        <v>233</v>
      </c>
      <c r="G122" s="8">
        <v>37154</v>
      </c>
      <c r="H122" s="5" t="s">
        <v>45</v>
      </c>
    </row>
    <row r="123" spans="1:8" x14ac:dyDescent="0.15">
      <c r="A123" s="1" t="s">
        <v>60</v>
      </c>
      <c r="B123" s="1" t="s">
        <v>582</v>
      </c>
      <c r="C123" s="2" t="s">
        <v>13</v>
      </c>
      <c r="D123" s="7"/>
      <c r="E123" s="1"/>
      <c r="F123" s="1"/>
      <c r="G123" s="8">
        <v>37342</v>
      </c>
      <c r="H123" s="5"/>
    </row>
    <row r="124" spans="1:8" x14ac:dyDescent="0.15">
      <c r="A124" s="1" t="s">
        <v>60</v>
      </c>
      <c r="B124" s="1" t="s">
        <v>542</v>
      </c>
      <c r="C124" s="2" t="s">
        <v>543</v>
      </c>
      <c r="D124" s="7"/>
      <c r="E124" s="1"/>
      <c r="F124" s="1" t="s">
        <v>543</v>
      </c>
      <c r="G124" s="8">
        <v>37445</v>
      </c>
      <c r="H124" s="5" t="s">
        <v>478</v>
      </c>
    </row>
    <row r="125" spans="1:8" x14ac:dyDescent="0.15">
      <c r="A125" s="1" t="s">
        <v>62</v>
      </c>
      <c r="B125" s="1" t="s">
        <v>113</v>
      </c>
      <c r="C125" s="2" t="s">
        <v>4</v>
      </c>
      <c r="D125" s="7"/>
      <c r="E125" s="1" t="s">
        <v>228</v>
      </c>
      <c r="F125" s="1" t="s">
        <v>229</v>
      </c>
      <c r="G125" s="8">
        <v>37494</v>
      </c>
      <c r="H125" s="5" t="s">
        <v>230</v>
      </c>
    </row>
    <row r="126" spans="1:8" x14ac:dyDescent="0.15">
      <c r="A126" s="1" t="s">
        <v>62</v>
      </c>
      <c r="B126" s="1" t="s">
        <v>232</v>
      </c>
      <c r="C126" s="2" t="s">
        <v>285</v>
      </c>
      <c r="D126" s="7"/>
      <c r="E126" s="1" t="s">
        <v>131</v>
      </c>
      <c r="F126" s="1" t="s">
        <v>233</v>
      </c>
      <c r="G126" s="8">
        <v>37580</v>
      </c>
      <c r="H126" s="5" t="s">
        <v>68</v>
      </c>
    </row>
    <row r="127" spans="1:8" x14ac:dyDescent="0.15">
      <c r="A127" s="1" t="s">
        <v>62</v>
      </c>
      <c r="B127" s="1" t="s">
        <v>368</v>
      </c>
      <c r="C127" s="2" t="s">
        <v>369</v>
      </c>
      <c r="D127" s="7"/>
      <c r="E127" s="1" t="s">
        <v>327</v>
      </c>
      <c r="F127" s="1" t="s">
        <v>220</v>
      </c>
      <c r="G127" s="8">
        <v>37602</v>
      </c>
      <c r="H127" s="5" t="s">
        <v>12</v>
      </c>
    </row>
    <row r="128" spans="1:8" x14ac:dyDescent="0.15">
      <c r="A128" s="1" t="s">
        <v>62</v>
      </c>
      <c r="B128" s="1" t="s">
        <v>585</v>
      </c>
      <c r="C128" s="2" t="s">
        <v>586</v>
      </c>
      <c r="D128" s="7"/>
      <c r="E128" s="1" t="s">
        <v>709</v>
      </c>
      <c r="F128" s="1" t="s">
        <v>587</v>
      </c>
      <c r="G128" s="8">
        <v>37659</v>
      </c>
      <c r="H128" s="5"/>
    </row>
    <row r="129" spans="1:8" x14ac:dyDescent="0.15">
      <c r="A129" s="1" t="s">
        <v>62</v>
      </c>
      <c r="B129" s="1" t="s">
        <v>517</v>
      </c>
      <c r="C129" s="2" t="s">
        <v>51</v>
      </c>
      <c r="D129" s="7"/>
      <c r="E129" s="1" t="s">
        <v>228</v>
      </c>
      <c r="F129" s="1" t="s">
        <v>503</v>
      </c>
      <c r="G129" s="8">
        <v>37712</v>
      </c>
      <c r="H129" s="5"/>
    </row>
    <row r="130" spans="1:8" x14ac:dyDescent="0.15">
      <c r="A130" s="1" t="s">
        <v>62</v>
      </c>
      <c r="B130" s="1" t="s">
        <v>267</v>
      </c>
      <c r="C130" s="2" t="s">
        <v>414</v>
      </c>
      <c r="D130" s="7"/>
      <c r="E130" s="1" t="s">
        <v>131</v>
      </c>
      <c r="F130" s="1" t="s">
        <v>233</v>
      </c>
      <c r="G130" s="8">
        <v>37819</v>
      </c>
      <c r="H130" s="5" t="s">
        <v>389</v>
      </c>
    </row>
    <row r="131" spans="1:8" x14ac:dyDescent="0.15">
      <c r="A131" s="1" t="s">
        <v>62</v>
      </c>
      <c r="B131" s="1" t="s">
        <v>145</v>
      </c>
      <c r="C131" s="2" t="s">
        <v>392</v>
      </c>
      <c r="D131" s="7"/>
      <c r="E131" s="1" t="s">
        <v>131</v>
      </c>
      <c r="F131" s="1" t="s">
        <v>233</v>
      </c>
      <c r="G131" s="8">
        <v>37869</v>
      </c>
      <c r="H131" s="5" t="s">
        <v>415</v>
      </c>
    </row>
    <row r="132" spans="1:8" x14ac:dyDescent="0.15">
      <c r="A132" s="1" t="s">
        <v>62</v>
      </c>
      <c r="B132" s="1" t="s">
        <v>88</v>
      </c>
      <c r="C132" s="2" t="s">
        <v>271</v>
      </c>
      <c r="D132" s="7"/>
      <c r="E132" s="1" t="s">
        <v>131</v>
      </c>
      <c r="F132" s="1" t="s">
        <v>233</v>
      </c>
      <c r="G132" s="8">
        <v>37882</v>
      </c>
      <c r="H132" s="5" t="s">
        <v>188</v>
      </c>
    </row>
    <row r="133" spans="1:8" x14ac:dyDescent="0.15">
      <c r="A133" s="1" t="s">
        <v>62</v>
      </c>
      <c r="B133" s="1" t="s">
        <v>589</v>
      </c>
      <c r="C133" s="2" t="s">
        <v>100</v>
      </c>
      <c r="D133" s="7"/>
      <c r="E133" s="1" t="s">
        <v>131</v>
      </c>
      <c r="F133" s="1" t="s">
        <v>233</v>
      </c>
      <c r="G133" s="8">
        <v>37918</v>
      </c>
      <c r="H133" s="5"/>
    </row>
    <row r="134" spans="1:8" x14ac:dyDescent="0.15">
      <c r="A134" s="1" t="s">
        <v>60</v>
      </c>
      <c r="B134" s="1" t="s">
        <v>65</v>
      </c>
      <c r="C134" s="2" t="s">
        <v>459</v>
      </c>
      <c r="D134" s="7"/>
      <c r="E134" s="1"/>
      <c r="F134" s="1"/>
      <c r="G134" s="8">
        <v>37964</v>
      </c>
      <c r="H134" s="5" t="s">
        <v>460</v>
      </c>
    </row>
    <row r="135" spans="1:8" x14ac:dyDescent="0.15">
      <c r="A135" s="1" t="s">
        <v>62</v>
      </c>
      <c r="B135" s="1" t="s">
        <v>545</v>
      </c>
      <c r="C135" s="2" t="s">
        <v>546</v>
      </c>
      <c r="D135" s="7"/>
      <c r="E135" s="1" t="s">
        <v>131</v>
      </c>
      <c r="F135" s="1" t="s">
        <v>233</v>
      </c>
      <c r="G135" s="8">
        <v>38021</v>
      </c>
      <c r="H135" s="5" t="s">
        <v>472</v>
      </c>
    </row>
    <row r="136" spans="1:8" x14ac:dyDescent="0.15">
      <c r="A136" s="1" t="s">
        <v>60</v>
      </c>
      <c r="B136" s="1" t="s">
        <v>547</v>
      </c>
      <c r="C136" s="2" t="s">
        <v>548</v>
      </c>
      <c r="D136" s="7"/>
      <c r="E136" s="1" t="s">
        <v>131</v>
      </c>
      <c r="F136" s="1" t="s">
        <v>233</v>
      </c>
      <c r="G136" s="8">
        <v>38029</v>
      </c>
      <c r="H136" s="5" t="s">
        <v>442</v>
      </c>
    </row>
    <row r="137" spans="1:8" x14ac:dyDescent="0.15">
      <c r="A137" s="1" t="s">
        <v>62</v>
      </c>
      <c r="B137" s="1" t="s">
        <v>344</v>
      </c>
      <c r="C137" s="2" t="s">
        <v>535</v>
      </c>
      <c r="D137" s="7"/>
      <c r="E137" s="1" t="s">
        <v>327</v>
      </c>
      <c r="F137" s="1" t="s">
        <v>220</v>
      </c>
      <c r="G137" s="8">
        <v>38048</v>
      </c>
      <c r="H137" s="5" t="s">
        <v>124</v>
      </c>
    </row>
    <row r="138" spans="1:8" x14ac:dyDescent="0.15">
      <c r="A138" s="1" t="s">
        <v>62</v>
      </c>
      <c r="B138" s="1" t="s">
        <v>105</v>
      </c>
      <c r="C138" s="2" t="s">
        <v>89</v>
      </c>
      <c r="D138" s="7"/>
      <c r="E138" s="1" t="s">
        <v>131</v>
      </c>
      <c r="F138" s="1" t="s">
        <v>233</v>
      </c>
      <c r="G138" s="8">
        <v>38071</v>
      </c>
      <c r="H138" s="5" t="s">
        <v>552</v>
      </c>
    </row>
    <row r="139" spans="1:8" x14ac:dyDescent="0.15">
      <c r="A139" s="1" t="s">
        <v>62</v>
      </c>
      <c r="B139" s="1" t="s">
        <v>304</v>
      </c>
      <c r="C139" s="2" t="s">
        <v>553</v>
      </c>
      <c r="D139" s="7"/>
      <c r="E139" s="1" t="s">
        <v>86</v>
      </c>
      <c r="F139" s="1" t="s">
        <v>87</v>
      </c>
      <c r="G139" s="8">
        <v>38083</v>
      </c>
      <c r="H139" s="5" t="s">
        <v>391</v>
      </c>
    </row>
    <row r="140" spans="1:8" x14ac:dyDescent="0.15">
      <c r="A140" s="1" t="s">
        <v>62</v>
      </c>
      <c r="B140" s="1" t="s">
        <v>556</v>
      </c>
      <c r="C140" s="2" t="s">
        <v>557</v>
      </c>
      <c r="D140" s="7"/>
      <c r="E140" s="1" t="s">
        <v>131</v>
      </c>
      <c r="F140" s="1" t="s">
        <v>233</v>
      </c>
      <c r="G140" s="8">
        <v>38405</v>
      </c>
      <c r="H140" s="5" t="s">
        <v>287</v>
      </c>
    </row>
    <row r="141" spans="1:8" x14ac:dyDescent="0.15">
      <c r="A141" s="1" t="s">
        <v>62</v>
      </c>
      <c r="B141" s="1" t="s">
        <v>558</v>
      </c>
      <c r="C141" s="2" t="s">
        <v>309</v>
      </c>
      <c r="D141" s="7"/>
      <c r="E141" s="1"/>
      <c r="F141" s="1" t="s">
        <v>206</v>
      </c>
      <c r="G141" s="8">
        <v>38406</v>
      </c>
      <c r="H141" s="5" t="s">
        <v>559</v>
      </c>
    </row>
    <row r="142" spans="1:8" x14ac:dyDescent="0.15">
      <c r="A142" s="1" t="s">
        <v>62</v>
      </c>
      <c r="B142" s="1" t="s">
        <v>120</v>
      </c>
      <c r="C142" s="2" t="s">
        <v>560</v>
      </c>
      <c r="D142" s="7"/>
      <c r="E142" s="1" t="s">
        <v>131</v>
      </c>
      <c r="F142" s="1" t="s">
        <v>233</v>
      </c>
      <c r="G142" s="8">
        <v>38421</v>
      </c>
      <c r="H142" s="5" t="s">
        <v>224</v>
      </c>
    </row>
    <row r="143" spans="1:8" x14ac:dyDescent="0.15">
      <c r="A143" s="1" t="s">
        <v>62</v>
      </c>
      <c r="B143" s="1" t="s">
        <v>617</v>
      </c>
      <c r="C143" s="2" t="s">
        <v>226</v>
      </c>
      <c r="D143" s="7"/>
      <c r="E143" s="1" t="s">
        <v>131</v>
      </c>
      <c r="F143" s="1" t="s">
        <v>233</v>
      </c>
      <c r="G143" s="8">
        <v>38429</v>
      </c>
      <c r="H143" s="5"/>
    </row>
    <row r="144" spans="1:8" x14ac:dyDescent="0.15">
      <c r="A144" s="1" t="s">
        <v>60</v>
      </c>
      <c r="B144" s="1" t="s">
        <v>231</v>
      </c>
      <c r="C144" s="2" t="s">
        <v>67</v>
      </c>
      <c r="D144" s="7"/>
      <c r="E144" s="1"/>
      <c r="F144" s="1"/>
      <c r="G144" s="8">
        <v>38498</v>
      </c>
      <c r="H144" s="5" t="s">
        <v>330</v>
      </c>
    </row>
    <row r="145" spans="1:8" x14ac:dyDescent="0.15">
      <c r="A145" s="1" t="s">
        <v>62</v>
      </c>
      <c r="B145" s="1" t="s">
        <v>618</v>
      </c>
      <c r="C145" s="2" t="s">
        <v>383</v>
      </c>
      <c r="D145" s="7"/>
      <c r="E145" s="1" t="s">
        <v>228</v>
      </c>
      <c r="F145" s="1" t="s">
        <v>503</v>
      </c>
      <c r="G145" s="8">
        <v>38569</v>
      </c>
      <c r="H145" s="5" t="s">
        <v>601</v>
      </c>
    </row>
    <row r="146" spans="1:8" x14ac:dyDescent="0.15">
      <c r="A146" s="1" t="s">
        <v>62</v>
      </c>
      <c r="B146" s="1" t="s">
        <v>74</v>
      </c>
      <c r="C146" s="2" t="s">
        <v>361</v>
      </c>
      <c r="D146" s="7"/>
      <c r="E146" s="1" t="s">
        <v>228</v>
      </c>
      <c r="F146" s="1" t="s">
        <v>503</v>
      </c>
      <c r="G146" s="8">
        <v>38673</v>
      </c>
      <c r="H146" s="5" t="s">
        <v>590</v>
      </c>
    </row>
    <row r="147" spans="1:8" x14ac:dyDescent="0.15">
      <c r="A147" s="1" t="s">
        <v>62</v>
      </c>
      <c r="B147" s="1" t="s">
        <v>620</v>
      </c>
      <c r="C147" s="2" t="s">
        <v>621</v>
      </c>
      <c r="D147" s="7"/>
      <c r="E147" s="1" t="s">
        <v>131</v>
      </c>
      <c r="F147" s="1" t="s">
        <v>233</v>
      </c>
      <c r="G147" s="8">
        <v>38694</v>
      </c>
      <c r="H147" s="5" t="s">
        <v>337</v>
      </c>
    </row>
    <row r="148" spans="1:8" x14ac:dyDescent="0.15">
      <c r="A148" s="1" t="s">
        <v>62</v>
      </c>
      <c r="B148" s="1" t="s">
        <v>283</v>
      </c>
      <c r="C148" s="2" t="s">
        <v>622</v>
      </c>
      <c r="D148" s="7"/>
      <c r="E148" s="1"/>
      <c r="F148" s="1"/>
      <c r="G148" s="8">
        <v>38779</v>
      </c>
      <c r="H148" s="5" t="s">
        <v>451</v>
      </c>
    </row>
    <row r="149" spans="1:8" x14ac:dyDescent="0.15">
      <c r="A149" s="1" t="s">
        <v>62</v>
      </c>
      <c r="B149" s="1" t="s">
        <v>315</v>
      </c>
      <c r="C149" s="2" t="s">
        <v>494</v>
      </c>
      <c r="D149" s="7"/>
      <c r="E149" s="1" t="s">
        <v>327</v>
      </c>
      <c r="F149" s="1" t="s">
        <v>220</v>
      </c>
      <c r="G149" s="8">
        <v>38799</v>
      </c>
      <c r="H149" s="5" t="s">
        <v>11</v>
      </c>
    </row>
    <row r="150" spans="1:8" x14ac:dyDescent="0.15">
      <c r="A150" s="1" t="s">
        <v>62</v>
      </c>
      <c r="B150" s="1" t="s">
        <v>387</v>
      </c>
      <c r="C150" s="2" t="s">
        <v>623</v>
      </c>
      <c r="D150" s="7"/>
      <c r="E150" s="1" t="s">
        <v>228</v>
      </c>
      <c r="F150" s="1" t="s">
        <v>503</v>
      </c>
      <c r="G150" s="8">
        <v>38919</v>
      </c>
      <c r="H150" s="5" t="s">
        <v>27</v>
      </c>
    </row>
    <row r="151" spans="1:8" x14ac:dyDescent="0.15">
      <c r="A151" s="1" t="s">
        <v>62</v>
      </c>
      <c r="B151" s="1" t="s">
        <v>314</v>
      </c>
      <c r="C151" s="2" t="s">
        <v>624</v>
      </c>
      <c r="D151" s="7" t="s">
        <v>625</v>
      </c>
      <c r="E151" s="1" t="s">
        <v>228</v>
      </c>
      <c r="F151" s="1" t="s">
        <v>503</v>
      </c>
      <c r="G151" s="8">
        <v>38919</v>
      </c>
      <c r="H151" s="5" t="s">
        <v>627</v>
      </c>
    </row>
    <row r="152" spans="1:8" x14ac:dyDescent="0.15">
      <c r="A152" s="1" t="s">
        <v>62</v>
      </c>
      <c r="B152" s="1" t="s">
        <v>441</v>
      </c>
      <c r="C152" s="2" t="s">
        <v>261</v>
      </c>
      <c r="D152" s="7"/>
      <c r="E152" s="1" t="s">
        <v>131</v>
      </c>
      <c r="F152" s="1" t="s">
        <v>233</v>
      </c>
      <c r="G152" s="8">
        <v>38987</v>
      </c>
      <c r="H152" s="5" t="s">
        <v>334</v>
      </c>
    </row>
    <row r="153" spans="1:8" x14ac:dyDescent="0.15">
      <c r="A153" s="1" t="s">
        <v>62</v>
      </c>
      <c r="B153" s="1" t="s">
        <v>628</v>
      </c>
      <c r="C153" s="2" t="s">
        <v>371</v>
      </c>
      <c r="D153" s="7"/>
      <c r="E153" s="1" t="s">
        <v>712</v>
      </c>
      <c r="F153" s="1" t="s">
        <v>629</v>
      </c>
      <c r="G153" s="8">
        <v>39003</v>
      </c>
      <c r="H153" s="5" t="s">
        <v>47</v>
      </c>
    </row>
    <row r="154" spans="1:8" x14ac:dyDescent="0.15">
      <c r="A154" s="1" t="s">
        <v>62</v>
      </c>
      <c r="B154" s="1" t="s">
        <v>630</v>
      </c>
      <c r="C154" s="2" t="s">
        <v>385</v>
      </c>
      <c r="D154" s="7"/>
      <c r="E154" s="1" t="s">
        <v>327</v>
      </c>
      <c r="F154" s="1" t="s">
        <v>220</v>
      </c>
      <c r="G154" s="8">
        <v>39038</v>
      </c>
      <c r="H154" s="5" t="s">
        <v>249</v>
      </c>
    </row>
    <row r="155" spans="1:8" x14ac:dyDescent="0.15">
      <c r="A155" s="1" t="s">
        <v>60</v>
      </c>
      <c r="B155" s="1" t="s">
        <v>631</v>
      </c>
      <c r="C155" s="2" t="s">
        <v>172</v>
      </c>
      <c r="D155" s="7"/>
      <c r="E155" s="1" t="s">
        <v>685</v>
      </c>
      <c r="F155" s="1" t="s">
        <v>207</v>
      </c>
      <c r="G155" s="8">
        <v>39072</v>
      </c>
      <c r="H155" s="5" t="s">
        <v>272</v>
      </c>
    </row>
    <row r="156" spans="1:8" x14ac:dyDescent="0.15">
      <c r="A156" s="1" t="s">
        <v>62</v>
      </c>
      <c r="B156" s="1" t="s">
        <v>633</v>
      </c>
      <c r="C156" s="2" t="s">
        <v>484</v>
      </c>
      <c r="D156" s="7"/>
      <c r="E156" s="1"/>
      <c r="F156" s="1"/>
      <c r="G156" s="8">
        <v>39161</v>
      </c>
      <c r="H156" s="5" t="s">
        <v>433</v>
      </c>
    </row>
    <row r="157" spans="1:8" x14ac:dyDescent="0.15">
      <c r="A157" s="1" t="s">
        <v>60</v>
      </c>
      <c r="B157" s="1" t="s">
        <v>634</v>
      </c>
      <c r="C157" s="2" t="s">
        <v>270</v>
      </c>
      <c r="D157" s="7"/>
      <c r="E157" s="1" t="s">
        <v>635</v>
      </c>
      <c r="F157" s="1" t="s">
        <v>147</v>
      </c>
      <c r="G157" s="8">
        <v>39173</v>
      </c>
      <c r="H157" s="5" t="s">
        <v>600</v>
      </c>
    </row>
    <row r="158" spans="1:8" x14ac:dyDescent="0.15">
      <c r="A158" s="1" t="s">
        <v>62</v>
      </c>
      <c r="B158" s="1" t="s">
        <v>280</v>
      </c>
      <c r="C158" s="2" t="s">
        <v>636</v>
      </c>
      <c r="D158" s="7"/>
      <c r="E158" s="1" t="s">
        <v>127</v>
      </c>
      <c r="F158" s="1" t="s">
        <v>570</v>
      </c>
      <c r="G158" s="8">
        <v>39173</v>
      </c>
      <c r="H158" s="5" t="s">
        <v>300</v>
      </c>
    </row>
    <row r="159" spans="1:8" x14ac:dyDescent="0.15">
      <c r="A159" s="1" t="s">
        <v>62</v>
      </c>
      <c r="B159" s="1" t="s">
        <v>637</v>
      </c>
      <c r="C159" s="2" t="s">
        <v>103</v>
      </c>
      <c r="D159" s="7"/>
      <c r="E159" s="1" t="s">
        <v>127</v>
      </c>
      <c r="F159" s="1" t="s">
        <v>570</v>
      </c>
      <c r="G159" s="8">
        <v>39173</v>
      </c>
      <c r="H159" s="5" t="s">
        <v>162</v>
      </c>
    </row>
    <row r="160" spans="1:8" x14ac:dyDescent="0.15">
      <c r="A160" s="1" t="s">
        <v>62</v>
      </c>
      <c r="B160" s="1" t="s">
        <v>348</v>
      </c>
      <c r="C160" s="2" t="s">
        <v>638</v>
      </c>
      <c r="D160" s="7"/>
      <c r="E160" s="1" t="s">
        <v>327</v>
      </c>
      <c r="F160" s="1" t="s">
        <v>220</v>
      </c>
      <c r="G160" s="8">
        <v>39191</v>
      </c>
      <c r="H160" s="5" t="s">
        <v>488</v>
      </c>
    </row>
    <row r="161" spans="1:8" x14ac:dyDescent="0.15">
      <c r="A161" s="1" t="s">
        <v>62</v>
      </c>
      <c r="B161" s="1" t="s">
        <v>406</v>
      </c>
      <c r="C161" s="2" t="s">
        <v>639</v>
      </c>
      <c r="D161" s="7"/>
      <c r="E161" s="1" t="s">
        <v>228</v>
      </c>
      <c r="F161" s="1" t="s">
        <v>503</v>
      </c>
      <c r="G161" s="8">
        <v>39282</v>
      </c>
      <c r="H161" s="5" t="s">
        <v>258</v>
      </c>
    </row>
    <row r="162" spans="1:8" x14ac:dyDescent="0.15">
      <c r="A162" s="1" t="s">
        <v>62</v>
      </c>
      <c r="B162" s="1" t="s">
        <v>641</v>
      </c>
      <c r="C162" s="2" t="s">
        <v>642</v>
      </c>
      <c r="D162" s="7"/>
      <c r="E162" s="1" t="s">
        <v>712</v>
      </c>
      <c r="F162" s="1" t="s">
        <v>629</v>
      </c>
      <c r="G162" s="8">
        <v>39417</v>
      </c>
      <c r="H162" s="5" t="s">
        <v>358</v>
      </c>
    </row>
    <row r="163" spans="1:8" x14ac:dyDescent="0.15">
      <c r="A163" s="1" t="s">
        <v>62</v>
      </c>
      <c r="B163" s="1" t="s">
        <v>352</v>
      </c>
      <c r="C163" s="2" t="s">
        <v>626</v>
      </c>
      <c r="D163" s="7"/>
      <c r="E163" s="1" t="s">
        <v>131</v>
      </c>
      <c r="F163" s="1" t="s">
        <v>233</v>
      </c>
      <c r="G163" s="8">
        <v>39422</v>
      </c>
      <c r="H163" s="5" t="s">
        <v>550</v>
      </c>
    </row>
    <row r="164" spans="1:8" x14ac:dyDescent="0.15">
      <c r="A164" s="1" t="s">
        <v>62</v>
      </c>
      <c r="B164" s="1" t="s">
        <v>644</v>
      </c>
      <c r="C164" s="2" t="s">
        <v>591</v>
      </c>
      <c r="D164" s="7"/>
      <c r="E164" s="1" t="s">
        <v>536</v>
      </c>
      <c r="F164" s="1" t="s">
        <v>689</v>
      </c>
      <c r="G164" s="8">
        <v>39514</v>
      </c>
      <c r="H164" s="5" t="s">
        <v>244</v>
      </c>
    </row>
    <row r="165" spans="1:8" x14ac:dyDescent="0.15">
      <c r="A165" s="1" t="s">
        <v>62</v>
      </c>
      <c r="B165" s="1" t="s">
        <v>645</v>
      </c>
      <c r="C165" s="2" t="s">
        <v>646</v>
      </c>
      <c r="D165" s="7"/>
      <c r="E165" s="1"/>
      <c r="F165" s="1"/>
      <c r="G165" s="8">
        <v>39598</v>
      </c>
      <c r="H165" s="5" t="s">
        <v>342</v>
      </c>
    </row>
    <row r="166" spans="1:8" x14ac:dyDescent="0.15">
      <c r="A166" s="1" t="s">
        <v>60</v>
      </c>
      <c r="B166" s="1" t="s">
        <v>647</v>
      </c>
      <c r="C166" s="2" t="s">
        <v>648</v>
      </c>
      <c r="D166" s="7"/>
      <c r="E166" s="1" t="s">
        <v>619</v>
      </c>
      <c r="F166" s="1" t="s">
        <v>56</v>
      </c>
      <c r="G166" s="8">
        <v>39695</v>
      </c>
      <c r="H166" s="5" t="s">
        <v>649</v>
      </c>
    </row>
    <row r="167" spans="1:8" x14ac:dyDescent="0.15">
      <c r="A167" s="1" t="s">
        <v>62</v>
      </c>
      <c r="B167" s="1" t="s">
        <v>534</v>
      </c>
      <c r="C167" s="2" t="s">
        <v>355</v>
      </c>
      <c r="D167" s="7"/>
      <c r="E167" s="1" t="s">
        <v>619</v>
      </c>
      <c r="F167" s="1" t="s">
        <v>56</v>
      </c>
      <c r="G167" s="8">
        <v>39695</v>
      </c>
      <c r="H167" s="5" t="s">
        <v>316</v>
      </c>
    </row>
    <row r="168" spans="1:8" x14ac:dyDescent="0.15">
      <c r="A168" s="1" t="s">
        <v>62</v>
      </c>
      <c r="B168" s="1" t="s">
        <v>199</v>
      </c>
      <c r="C168" s="2" t="s">
        <v>650</v>
      </c>
      <c r="D168" s="7"/>
      <c r="E168" s="1" t="s">
        <v>619</v>
      </c>
      <c r="F168" s="1" t="s">
        <v>56</v>
      </c>
      <c r="G168" s="8">
        <v>39695</v>
      </c>
      <c r="H168" s="5" t="s">
        <v>195</v>
      </c>
    </row>
    <row r="169" spans="1:8" x14ac:dyDescent="0.15">
      <c r="A169" s="1" t="s">
        <v>62</v>
      </c>
      <c r="B169" s="1" t="s">
        <v>78</v>
      </c>
      <c r="C169" s="2" t="s">
        <v>374</v>
      </c>
      <c r="D169" s="7"/>
      <c r="E169" s="1" t="s">
        <v>228</v>
      </c>
      <c r="F169" s="1" t="s">
        <v>503</v>
      </c>
      <c r="G169" s="8">
        <v>39787</v>
      </c>
      <c r="H169" s="5" t="s">
        <v>394</v>
      </c>
    </row>
    <row r="170" spans="1:8" x14ac:dyDescent="0.15">
      <c r="A170" s="1" t="s">
        <v>62</v>
      </c>
      <c r="B170" s="1" t="s">
        <v>651</v>
      </c>
      <c r="C170" s="2" t="s">
        <v>248</v>
      </c>
      <c r="D170" s="7"/>
      <c r="E170" s="1" t="s">
        <v>86</v>
      </c>
      <c r="F170" s="1" t="s">
        <v>87</v>
      </c>
      <c r="G170" s="8">
        <v>39902</v>
      </c>
      <c r="H170" s="5" t="s">
        <v>652</v>
      </c>
    </row>
    <row r="171" spans="1:8" x14ac:dyDescent="0.15">
      <c r="A171" s="1" t="s">
        <v>62</v>
      </c>
      <c r="B171" s="1" t="s">
        <v>255</v>
      </c>
      <c r="C171" s="2" t="s">
        <v>578</v>
      </c>
      <c r="D171" s="7"/>
      <c r="E171" s="1" t="s">
        <v>619</v>
      </c>
      <c r="F171" s="1" t="s">
        <v>56</v>
      </c>
      <c r="G171" s="8">
        <v>39947</v>
      </c>
      <c r="H171" s="5" t="s">
        <v>97</v>
      </c>
    </row>
    <row r="172" spans="1:8" x14ac:dyDescent="0.15">
      <c r="A172" s="1" t="s">
        <v>62</v>
      </c>
      <c r="B172" s="1" t="s">
        <v>654</v>
      </c>
      <c r="C172" s="2" t="s">
        <v>8</v>
      </c>
      <c r="D172" s="7"/>
      <c r="E172" s="1" t="s">
        <v>619</v>
      </c>
      <c r="F172" s="1" t="s">
        <v>56</v>
      </c>
      <c r="G172" s="8">
        <v>40010</v>
      </c>
      <c r="H172" s="5" t="s">
        <v>396</v>
      </c>
    </row>
    <row r="173" spans="1:8" x14ac:dyDescent="0.15">
      <c r="A173" s="1" t="s">
        <v>62</v>
      </c>
      <c r="B173" s="1" t="s">
        <v>22</v>
      </c>
      <c r="C173" s="2" t="s">
        <v>655</v>
      </c>
      <c r="D173" s="7"/>
      <c r="E173" s="1" t="s">
        <v>131</v>
      </c>
      <c r="F173" s="1" t="s">
        <v>233</v>
      </c>
      <c r="G173" s="8">
        <v>40016</v>
      </c>
      <c r="H173" s="5" t="s">
        <v>166</v>
      </c>
    </row>
    <row r="174" spans="1:8" x14ac:dyDescent="0.15">
      <c r="A174" s="1" t="s">
        <v>62</v>
      </c>
      <c r="B174" s="1" t="s">
        <v>408</v>
      </c>
      <c r="C174" s="2" t="s">
        <v>657</v>
      </c>
      <c r="D174" s="7"/>
      <c r="E174" s="1" t="s">
        <v>619</v>
      </c>
      <c r="F174" s="1" t="s">
        <v>56</v>
      </c>
      <c r="G174" s="8">
        <v>40070</v>
      </c>
      <c r="H174" s="5" t="s">
        <v>658</v>
      </c>
    </row>
    <row r="175" spans="1:8" x14ac:dyDescent="0.15">
      <c r="A175" s="1" t="s">
        <v>62</v>
      </c>
      <c r="B175" s="1" t="s">
        <v>163</v>
      </c>
      <c r="C175" s="2" t="s">
        <v>596</v>
      </c>
      <c r="D175" s="7"/>
      <c r="E175" s="1" t="s">
        <v>327</v>
      </c>
      <c r="F175" s="1" t="s">
        <v>220</v>
      </c>
      <c r="G175" s="8">
        <v>40154</v>
      </c>
      <c r="H175" s="5" t="s">
        <v>178</v>
      </c>
    </row>
    <row r="176" spans="1:8" x14ac:dyDescent="0.15">
      <c r="A176" s="1" t="s">
        <v>62</v>
      </c>
      <c r="B176" s="1" t="s">
        <v>167</v>
      </c>
      <c r="C176" s="2" t="s">
        <v>362</v>
      </c>
      <c r="D176" s="7" t="s">
        <v>254</v>
      </c>
      <c r="E176" s="1"/>
      <c r="F176" s="1"/>
      <c r="G176" s="8">
        <v>40165</v>
      </c>
      <c r="H176" s="5" t="s">
        <v>137</v>
      </c>
    </row>
    <row r="177" spans="1:8" x14ac:dyDescent="0.15">
      <c r="A177" s="1" t="s">
        <v>62</v>
      </c>
      <c r="B177" s="1" t="s">
        <v>530</v>
      </c>
      <c r="C177" s="2" t="s">
        <v>462</v>
      </c>
      <c r="D177" s="7" t="s">
        <v>659</v>
      </c>
      <c r="E177" s="1"/>
      <c r="F177" s="1" t="s">
        <v>206</v>
      </c>
      <c r="G177" s="8">
        <v>40500</v>
      </c>
      <c r="H177" s="5" t="s">
        <v>660</v>
      </c>
    </row>
    <row r="178" spans="1:8" x14ac:dyDescent="0.15">
      <c r="A178" s="1" t="s">
        <v>62</v>
      </c>
      <c r="B178" s="1" t="s">
        <v>661</v>
      </c>
      <c r="C178" s="2" t="s">
        <v>182</v>
      </c>
      <c r="D178" s="7" t="s">
        <v>5</v>
      </c>
      <c r="E178" s="1" t="s">
        <v>713</v>
      </c>
      <c r="F178" s="1" t="s">
        <v>236</v>
      </c>
      <c r="G178" s="8">
        <v>40540</v>
      </c>
      <c r="H178" s="5" t="s">
        <v>562</v>
      </c>
    </row>
    <row r="179" spans="1:8" x14ac:dyDescent="0.15">
      <c r="A179" s="1" t="s">
        <v>463</v>
      </c>
      <c r="B179" s="1" t="s">
        <v>662</v>
      </c>
      <c r="C179" s="2" t="s">
        <v>371</v>
      </c>
      <c r="D179" s="7"/>
      <c r="E179" s="1"/>
      <c r="F179" s="1"/>
      <c r="G179" s="8">
        <v>40691</v>
      </c>
      <c r="H179" s="1" t="s">
        <v>609</v>
      </c>
    </row>
    <row r="180" spans="1:8" x14ac:dyDescent="0.15">
      <c r="A180" s="1" t="s">
        <v>463</v>
      </c>
      <c r="B180" s="1" t="s">
        <v>266</v>
      </c>
      <c r="C180" s="2" t="s">
        <v>371</v>
      </c>
      <c r="D180" s="7"/>
      <c r="E180" s="1"/>
      <c r="F180" s="1"/>
      <c r="G180" s="8">
        <v>40731</v>
      </c>
      <c r="H180" s="1" t="s">
        <v>221</v>
      </c>
    </row>
    <row r="181" spans="1:8" x14ac:dyDescent="0.15">
      <c r="A181" s="1" t="s">
        <v>463</v>
      </c>
      <c r="B181" s="1" t="s">
        <v>663</v>
      </c>
      <c r="C181" s="2" t="s">
        <v>371</v>
      </c>
      <c r="D181" s="7"/>
      <c r="E181" s="1"/>
      <c r="F181" s="1"/>
      <c r="G181" s="8">
        <v>40731</v>
      </c>
      <c r="H181" s="1" t="s">
        <v>360</v>
      </c>
    </row>
    <row r="182" spans="1:8" x14ac:dyDescent="0.15">
      <c r="A182" s="1" t="s">
        <v>463</v>
      </c>
      <c r="B182" s="1" t="s">
        <v>412</v>
      </c>
      <c r="C182" s="2" t="s">
        <v>371</v>
      </c>
      <c r="D182" s="7"/>
      <c r="E182" s="1"/>
      <c r="F182" s="1"/>
      <c r="G182" s="8">
        <v>40731</v>
      </c>
      <c r="H182" s="1" t="s">
        <v>664</v>
      </c>
    </row>
    <row r="183" spans="1:8" x14ac:dyDescent="0.15">
      <c r="A183" s="1" t="s">
        <v>463</v>
      </c>
      <c r="B183" s="1" t="s">
        <v>295</v>
      </c>
      <c r="C183" s="2" t="s">
        <v>371</v>
      </c>
      <c r="D183" s="7"/>
      <c r="E183" s="1"/>
      <c r="F183" s="1"/>
      <c r="G183" s="8">
        <v>40731</v>
      </c>
      <c r="H183" s="1" t="s">
        <v>381</v>
      </c>
    </row>
    <row r="184" spans="1:8" x14ac:dyDescent="0.15">
      <c r="A184" s="1" t="s">
        <v>62</v>
      </c>
      <c r="B184" s="1" t="s">
        <v>118</v>
      </c>
      <c r="C184" s="2" t="s">
        <v>549</v>
      </c>
      <c r="D184" s="7"/>
      <c r="E184" s="1" t="s">
        <v>228</v>
      </c>
      <c r="F184" s="1" t="s">
        <v>503</v>
      </c>
      <c r="G184" s="8">
        <v>40812</v>
      </c>
      <c r="H184" s="5" t="s">
        <v>563</v>
      </c>
    </row>
    <row r="185" spans="1:8" x14ac:dyDescent="0.15">
      <c r="A185" s="1" t="s">
        <v>62</v>
      </c>
      <c r="B185" s="1" t="s">
        <v>614</v>
      </c>
      <c r="C185" s="2" t="s">
        <v>128</v>
      </c>
      <c r="D185" s="7"/>
      <c r="E185" s="1" t="s">
        <v>378</v>
      </c>
      <c r="F185" s="1" t="s">
        <v>233</v>
      </c>
      <c r="G185" s="8">
        <v>40864</v>
      </c>
      <c r="H185" s="5" t="s">
        <v>665</v>
      </c>
    </row>
    <row r="186" spans="1:8" x14ac:dyDescent="0.15">
      <c r="A186" s="1" t="s">
        <v>62</v>
      </c>
      <c r="B186" s="1" t="s">
        <v>554</v>
      </c>
      <c r="C186" s="2" t="s">
        <v>275</v>
      </c>
      <c r="D186" s="7"/>
      <c r="E186" s="1" t="s">
        <v>378</v>
      </c>
      <c r="F186" s="1" t="s">
        <v>233</v>
      </c>
      <c r="G186" s="8">
        <v>40864</v>
      </c>
      <c r="H186" s="5" t="s">
        <v>305</v>
      </c>
    </row>
    <row r="187" spans="1:8" x14ac:dyDescent="0.15">
      <c r="A187" s="1" t="s">
        <v>60</v>
      </c>
      <c r="B187" s="1" t="s">
        <v>42</v>
      </c>
      <c r="C187" s="2" t="s">
        <v>250</v>
      </c>
      <c r="D187" s="7"/>
      <c r="E187" s="1"/>
      <c r="F187" s="1"/>
      <c r="G187" s="8">
        <v>40942</v>
      </c>
      <c r="H187" s="5" t="s">
        <v>307</v>
      </c>
    </row>
    <row r="188" spans="1:8" x14ac:dyDescent="0.15">
      <c r="A188" s="1" t="s">
        <v>463</v>
      </c>
      <c r="B188" s="1" t="s">
        <v>324</v>
      </c>
      <c r="C188" s="2" t="s">
        <v>666</v>
      </c>
      <c r="D188" s="7"/>
      <c r="E188" s="1"/>
      <c r="F188" s="1"/>
      <c r="G188" s="8">
        <v>41158</v>
      </c>
      <c r="H188" s="1" t="s">
        <v>26</v>
      </c>
    </row>
    <row r="189" spans="1:8" x14ac:dyDescent="0.15">
      <c r="A189" s="1" t="s">
        <v>62</v>
      </c>
      <c r="B189" s="1" t="s">
        <v>403</v>
      </c>
      <c r="C189" s="2" t="s">
        <v>667</v>
      </c>
      <c r="D189" s="7"/>
      <c r="E189" s="1" t="s">
        <v>131</v>
      </c>
      <c r="F189" s="1" t="s">
        <v>233</v>
      </c>
      <c r="G189" s="8">
        <v>41171</v>
      </c>
      <c r="H189" s="5" t="s">
        <v>308</v>
      </c>
    </row>
    <row r="190" spans="1:8" x14ac:dyDescent="0.15">
      <c r="A190" s="1" t="s">
        <v>62</v>
      </c>
      <c r="B190" s="1" t="s">
        <v>668</v>
      </c>
      <c r="C190" s="2" t="s">
        <v>669</v>
      </c>
      <c r="D190" s="7" t="s">
        <v>575</v>
      </c>
      <c r="E190" s="1" t="s">
        <v>86</v>
      </c>
      <c r="F190" s="1" t="s">
        <v>212</v>
      </c>
      <c r="G190" s="8">
        <v>41351</v>
      </c>
      <c r="H190" s="5" t="s">
        <v>144</v>
      </c>
    </row>
    <row r="191" spans="1:8" x14ac:dyDescent="0.15">
      <c r="A191" s="1" t="s">
        <v>60</v>
      </c>
      <c r="B191" s="1" t="s">
        <v>653</v>
      </c>
      <c r="C191" s="2" t="s">
        <v>208</v>
      </c>
      <c r="D191" s="7"/>
      <c r="E191" s="1" t="s">
        <v>726</v>
      </c>
      <c r="F191" s="1" t="s">
        <v>588</v>
      </c>
      <c r="G191" s="8">
        <v>41436</v>
      </c>
      <c r="H191" s="5" t="s">
        <v>311</v>
      </c>
    </row>
    <row r="192" spans="1:8" x14ac:dyDescent="0.15">
      <c r="A192" s="1" t="s">
        <v>62</v>
      </c>
      <c r="B192" s="1" t="s">
        <v>278</v>
      </c>
      <c r="C192" s="2" t="s">
        <v>245</v>
      </c>
      <c r="D192" s="7"/>
      <c r="E192" s="1" t="s">
        <v>619</v>
      </c>
      <c r="F192" s="1" t="s">
        <v>56</v>
      </c>
      <c r="G192" s="8">
        <v>41782</v>
      </c>
      <c r="H192" s="5" t="s">
        <v>670</v>
      </c>
    </row>
    <row r="193" spans="1:8" x14ac:dyDescent="0.15">
      <c r="A193" s="1" t="s">
        <v>62</v>
      </c>
      <c r="B193" s="1" t="s">
        <v>671</v>
      </c>
      <c r="C193" s="2" t="s">
        <v>672</v>
      </c>
      <c r="D193" s="7"/>
      <c r="E193" s="1" t="s">
        <v>228</v>
      </c>
      <c r="F193" s="1" t="s">
        <v>503</v>
      </c>
      <c r="G193" s="8">
        <v>41796</v>
      </c>
      <c r="H193" s="5" t="s">
        <v>134</v>
      </c>
    </row>
    <row r="194" spans="1:8" x14ac:dyDescent="0.15">
      <c r="A194" s="1" t="s">
        <v>62</v>
      </c>
      <c r="B194" s="1" t="s">
        <v>571</v>
      </c>
      <c r="C194" s="2" t="s">
        <v>428</v>
      </c>
      <c r="D194" s="7"/>
      <c r="E194" s="1" t="s">
        <v>619</v>
      </c>
      <c r="F194" s="1" t="s">
        <v>56</v>
      </c>
      <c r="G194" s="8">
        <v>41816</v>
      </c>
      <c r="H194" s="5" t="s">
        <v>329</v>
      </c>
    </row>
    <row r="195" spans="1:8" x14ac:dyDescent="0.15">
      <c r="A195" s="1" t="s">
        <v>62</v>
      </c>
      <c r="B195" s="1" t="s">
        <v>673</v>
      </c>
      <c r="C195" s="2" t="s">
        <v>370</v>
      </c>
      <c r="D195" s="7"/>
      <c r="E195" s="1" t="s">
        <v>131</v>
      </c>
      <c r="F195" s="1" t="s">
        <v>233</v>
      </c>
      <c r="G195" s="8">
        <v>41871</v>
      </c>
      <c r="H195" s="5" t="s">
        <v>610</v>
      </c>
    </row>
    <row r="196" spans="1:8" x14ac:dyDescent="0.15">
      <c r="A196" s="1" t="s">
        <v>60</v>
      </c>
      <c r="B196" s="1" t="s">
        <v>312</v>
      </c>
      <c r="C196" s="2" t="s">
        <v>75</v>
      </c>
      <c r="D196" s="7"/>
      <c r="E196" s="1" t="s">
        <v>532</v>
      </c>
      <c r="F196" s="1" t="s">
        <v>674</v>
      </c>
      <c r="G196" s="8">
        <v>41883</v>
      </c>
      <c r="H196" s="5" t="s">
        <v>568</v>
      </c>
    </row>
    <row r="197" spans="1:8" x14ac:dyDescent="0.15">
      <c r="A197" s="1" t="s">
        <v>62</v>
      </c>
      <c r="B197" s="1" t="s">
        <v>675</v>
      </c>
      <c r="C197" s="2" t="s">
        <v>551</v>
      </c>
      <c r="D197" s="7"/>
      <c r="E197" s="1" t="s">
        <v>131</v>
      </c>
      <c r="F197" s="1" t="s">
        <v>233</v>
      </c>
      <c r="G197" s="8">
        <v>41915</v>
      </c>
      <c r="H197" s="5" t="s">
        <v>420</v>
      </c>
    </row>
    <row r="198" spans="1:8" x14ac:dyDescent="0.15">
      <c r="A198" s="1" t="s">
        <v>60</v>
      </c>
      <c r="B198" s="1" t="s">
        <v>676</v>
      </c>
      <c r="C198" s="2" t="s">
        <v>99</v>
      </c>
      <c r="D198" s="7"/>
      <c r="E198" s="1"/>
      <c r="F198" s="1"/>
      <c r="G198" s="8">
        <v>41982</v>
      </c>
      <c r="H198" s="5" t="s">
        <v>90</v>
      </c>
    </row>
    <row r="199" spans="1:8" x14ac:dyDescent="0.15">
      <c r="A199" s="1" t="s">
        <v>62</v>
      </c>
      <c r="B199" s="1" t="s">
        <v>291</v>
      </c>
      <c r="C199" s="2" t="s">
        <v>82</v>
      </c>
      <c r="D199" s="7"/>
      <c r="E199" s="1" t="s">
        <v>619</v>
      </c>
      <c r="F199" s="1" t="s">
        <v>56</v>
      </c>
      <c r="G199" s="8">
        <v>42075</v>
      </c>
      <c r="H199" s="5" t="s">
        <v>603</v>
      </c>
    </row>
    <row r="200" spans="1:8" x14ac:dyDescent="0.15">
      <c r="A200" s="1" t="s">
        <v>60</v>
      </c>
      <c r="B200" s="1" t="s">
        <v>677</v>
      </c>
      <c r="C200" s="2" t="s">
        <v>313</v>
      </c>
      <c r="D200" s="7"/>
      <c r="E200" s="1" t="s">
        <v>526</v>
      </c>
      <c r="F200" s="1" t="s">
        <v>577</v>
      </c>
      <c r="G200" s="8">
        <v>42088</v>
      </c>
      <c r="H200" s="5" t="s">
        <v>191</v>
      </c>
    </row>
    <row r="201" spans="1:8" x14ac:dyDescent="0.15">
      <c r="A201" s="1" t="s">
        <v>62</v>
      </c>
      <c r="B201" s="1" t="s">
        <v>678</v>
      </c>
      <c r="C201" s="2" t="s">
        <v>44</v>
      </c>
      <c r="D201" s="7"/>
      <c r="E201" s="1" t="s">
        <v>327</v>
      </c>
      <c r="F201" s="1" t="s">
        <v>220</v>
      </c>
      <c r="G201" s="8">
        <v>42156</v>
      </c>
      <c r="H201" s="5" t="s">
        <v>447</v>
      </c>
    </row>
    <row r="202" spans="1:8" x14ac:dyDescent="0.15">
      <c r="A202" s="1" t="s">
        <v>62</v>
      </c>
      <c r="B202" s="1" t="s">
        <v>679</v>
      </c>
      <c r="C202" s="2" t="s">
        <v>592</v>
      </c>
      <c r="D202" s="7"/>
      <c r="E202" s="1" t="s">
        <v>228</v>
      </c>
      <c r="F202" s="1" t="s">
        <v>503</v>
      </c>
      <c r="G202" s="8">
        <v>42167</v>
      </c>
      <c r="H202" s="5" t="s">
        <v>138</v>
      </c>
    </row>
    <row r="203" spans="1:8" x14ac:dyDescent="0.15">
      <c r="A203" s="1" t="s">
        <v>62</v>
      </c>
      <c r="B203" s="1" t="s">
        <v>499</v>
      </c>
      <c r="C203" s="2" t="s">
        <v>158</v>
      </c>
      <c r="D203" s="7"/>
      <c r="E203" s="1" t="s">
        <v>327</v>
      </c>
      <c r="F203" s="1" t="s">
        <v>220</v>
      </c>
      <c r="G203" s="8">
        <v>42262</v>
      </c>
      <c r="H203" s="5" t="s">
        <v>106</v>
      </c>
    </row>
    <row r="204" spans="1:8" x14ac:dyDescent="0.15">
      <c r="A204" s="1" t="s">
        <v>62</v>
      </c>
      <c r="B204" s="1" t="s">
        <v>555</v>
      </c>
      <c r="C204" s="2" t="s">
        <v>411</v>
      </c>
      <c r="D204" s="7"/>
      <c r="E204" s="1" t="s">
        <v>131</v>
      </c>
      <c r="F204" s="1" t="s">
        <v>233</v>
      </c>
      <c r="G204" s="8">
        <v>42564</v>
      </c>
      <c r="H204" s="5" t="s">
        <v>40</v>
      </c>
    </row>
    <row r="205" spans="1:8" x14ac:dyDescent="0.15">
      <c r="A205" s="1" t="s">
        <v>62</v>
      </c>
      <c r="B205" s="1" t="s">
        <v>681</v>
      </c>
      <c r="C205" s="2" t="s">
        <v>682</v>
      </c>
      <c r="D205" s="7"/>
      <c r="E205" s="1" t="s">
        <v>131</v>
      </c>
      <c r="F205" s="1" t="s">
        <v>233</v>
      </c>
      <c r="G205" s="8">
        <v>42621</v>
      </c>
      <c r="H205" s="5" t="s">
        <v>443</v>
      </c>
    </row>
    <row r="206" spans="1:8" x14ac:dyDescent="0.15">
      <c r="A206" s="1" t="s">
        <v>62</v>
      </c>
      <c r="B206" s="1" t="s">
        <v>393</v>
      </c>
      <c r="C206" s="2" t="s">
        <v>605</v>
      </c>
      <c r="D206" s="7"/>
      <c r="E206" s="1" t="s">
        <v>86</v>
      </c>
      <c r="F206" s="1" t="s">
        <v>6</v>
      </c>
      <c r="G206" s="8">
        <v>42664</v>
      </c>
      <c r="H206" s="5" t="s">
        <v>683</v>
      </c>
    </row>
    <row r="207" spans="1:8" x14ac:dyDescent="0.15">
      <c r="A207" s="1" t="s">
        <v>60</v>
      </c>
      <c r="B207" s="1" t="s">
        <v>306</v>
      </c>
      <c r="C207" s="2" t="s">
        <v>331</v>
      </c>
      <c r="D207" s="7"/>
      <c r="E207" s="1"/>
      <c r="F207" s="1"/>
      <c r="G207" s="8">
        <v>42736</v>
      </c>
      <c r="H207" s="5" t="s">
        <v>684</v>
      </c>
    </row>
    <row r="208" spans="1:8" x14ac:dyDescent="0.15">
      <c r="A208" s="1" t="s">
        <v>62</v>
      </c>
      <c r="B208" s="1" t="s">
        <v>599</v>
      </c>
      <c r="C208" s="2" t="s">
        <v>686</v>
      </c>
      <c r="D208" s="7"/>
      <c r="E208" s="1" t="s">
        <v>619</v>
      </c>
      <c r="F208" s="1" t="s">
        <v>56</v>
      </c>
      <c r="G208" s="8">
        <v>42811</v>
      </c>
      <c r="H208" s="5" t="s">
        <v>179</v>
      </c>
    </row>
    <row r="209" spans="1:8" x14ac:dyDescent="0.15">
      <c r="A209" s="1" t="s">
        <v>62</v>
      </c>
      <c r="B209" s="1" t="s">
        <v>687</v>
      </c>
      <c r="C209" s="2" t="s">
        <v>440</v>
      </c>
      <c r="D209" s="7"/>
      <c r="E209" s="1" t="s">
        <v>131</v>
      </c>
      <c r="F209" s="1" t="s">
        <v>233</v>
      </c>
      <c r="G209" s="8">
        <v>42919</v>
      </c>
      <c r="H209" s="5" t="s">
        <v>194</v>
      </c>
    </row>
    <row r="210" spans="1:8" x14ac:dyDescent="0.15">
      <c r="A210" s="1" t="s">
        <v>60</v>
      </c>
      <c r="B210" s="1" t="s">
        <v>196</v>
      </c>
      <c r="C210" s="2" t="s">
        <v>446</v>
      </c>
      <c r="D210" s="7"/>
      <c r="E210" s="1"/>
      <c r="F210" s="1"/>
      <c r="G210" s="8">
        <v>43020</v>
      </c>
      <c r="H210" s="5" t="s">
        <v>126</v>
      </c>
    </row>
    <row r="211" spans="1:8" x14ac:dyDescent="0.15">
      <c r="A211" s="1" t="s">
        <v>60</v>
      </c>
      <c r="B211" s="1" t="s">
        <v>688</v>
      </c>
      <c r="C211" s="2" t="s">
        <v>689</v>
      </c>
      <c r="D211" s="7"/>
      <c r="E211" s="1" t="s">
        <v>536</v>
      </c>
      <c r="F211" s="1" t="s">
        <v>689</v>
      </c>
      <c r="G211" s="8">
        <v>43175</v>
      </c>
      <c r="H211" s="5" t="s">
        <v>690</v>
      </c>
    </row>
    <row r="212" spans="1:8" x14ac:dyDescent="0.15">
      <c r="A212" s="1" t="s">
        <v>62</v>
      </c>
      <c r="B212" s="1" t="s">
        <v>500</v>
      </c>
      <c r="C212" s="2" t="s">
        <v>265</v>
      </c>
      <c r="D212" s="7" t="s">
        <v>691</v>
      </c>
      <c r="E212" s="1" t="s">
        <v>619</v>
      </c>
      <c r="F212" s="1" t="s">
        <v>56</v>
      </c>
      <c r="G212" s="8">
        <v>43179</v>
      </c>
      <c r="H212" s="5" t="s">
        <v>692</v>
      </c>
    </row>
    <row r="213" spans="1:8" x14ac:dyDescent="0.15">
      <c r="A213" s="1" t="s">
        <v>62</v>
      </c>
      <c r="B213" s="1" t="s">
        <v>43</v>
      </c>
      <c r="C213" s="2" t="s">
        <v>18</v>
      </c>
      <c r="D213" s="7"/>
      <c r="E213" s="1" t="s">
        <v>714</v>
      </c>
      <c r="F213" s="1" t="s">
        <v>139</v>
      </c>
      <c r="G213" s="8">
        <v>43180</v>
      </c>
      <c r="H213" s="5" t="s">
        <v>156</v>
      </c>
    </row>
    <row r="214" spans="1:8" x14ac:dyDescent="0.15">
      <c r="A214" s="1" t="s">
        <v>62</v>
      </c>
      <c r="B214" s="1" t="s">
        <v>491</v>
      </c>
      <c r="C214" s="2" t="s">
        <v>141</v>
      </c>
      <c r="D214" s="7"/>
      <c r="E214" s="1" t="s">
        <v>491</v>
      </c>
      <c r="F214" s="1" t="s">
        <v>452</v>
      </c>
      <c r="G214" s="8">
        <v>43354</v>
      </c>
      <c r="H214" s="5" t="s">
        <v>616</v>
      </c>
    </row>
    <row r="215" spans="1:8" x14ac:dyDescent="0.15">
      <c r="A215" s="1" t="s">
        <v>62</v>
      </c>
      <c r="B215" s="1" t="s">
        <v>203</v>
      </c>
      <c r="C215" s="2" t="s">
        <v>693</v>
      </c>
      <c r="D215" s="7"/>
      <c r="E215" s="1" t="s">
        <v>468</v>
      </c>
      <c r="F215" s="1" t="s">
        <v>503</v>
      </c>
      <c r="G215" s="8">
        <v>43356</v>
      </c>
      <c r="H215" s="5" t="s">
        <v>597</v>
      </c>
    </row>
    <row r="216" spans="1:8" x14ac:dyDescent="0.15">
      <c r="A216" s="1" t="s">
        <v>62</v>
      </c>
      <c r="B216" s="1" t="s">
        <v>0</v>
      </c>
      <c r="C216" s="2" t="s">
        <v>422</v>
      </c>
      <c r="D216" s="7"/>
      <c r="E216" s="1" t="s">
        <v>131</v>
      </c>
      <c r="F216" s="1" t="s">
        <v>233</v>
      </c>
      <c r="G216" s="8">
        <v>43525</v>
      </c>
      <c r="H216" s="5" t="s">
        <v>238</v>
      </c>
    </row>
    <row r="217" spans="1:8" x14ac:dyDescent="0.15">
      <c r="A217" s="1" t="s">
        <v>62</v>
      </c>
      <c r="B217" s="1" t="s">
        <v>694</v>
      </c>
      <c r="C217" s="2" t="s">
        <v>209</v>
      </c>
      <c r="D217" s="7"/>
      <c r="E217" s="1" t="s">
        <v>327</v>
      </c>
      <c r="F217" s="1" t="s">
        <v>561</v>
      </c>
      <c r="G217" s="8">
        <v>43626</v>
      </c>
      <c r="H217" s="5" t="s">
        <v>427</v>
      </c>
    </row>
    <row r="218" spans="1:8" x14ac:dyDescent="0.15">
      <c r="A218" s="1" t="s">
        <v>62</v>
      </c>
      <c r="B218" s="1" t="s">
        <v>695</v>
      </c>
      <c r="C218" s="2" t="s">
        <v>696</v>
      </c>
      <c r="D218" s="7"/>
      <c r="E218" s="1" t="s">
        <v>131</v>
      </c>
      <c r="F218" s="1" t="s">
        <v>233</v>
      </c>
      <c r="G218" s="8">
        <v>43763</v>
      </c>
      <c r="H218" s="5" t="s">
        <v>615</v>
      </c>
    </row>
    <row r="219" spans="1:8" x14ac:dyDescent="0.15">
      <c r="A219" s="1" t="s">
        <v>62</v>
      </c>
      <c r="B219" s="1" t="s">
        <v>431</v>
      </c>
      <c r="C219" s="2" t="s">
        <v>299</v>
      </c>
      <c r="D219" s="7"/>
      <c r="E219" s="1" t="s">
        <v>284</v>
      </c>
      <c r="F219" s="1" t="s">
        <v>299</v>
      </c>
      <c r="G219" s="4">
        <v>43910</v>
      </c>
      <c r="H219" s="5" t="s">
        <v>116</v>
      </c>
    </row>
    <row r="220" spans="1:8" x14ac:dyDescent="0.15">
      <c r="A220" s="1" t="s">
        <v>60</v>
      </c>
      <c r="B220" s="1" t="s">
        <v>347</v>
      </c>
      <c r="C220" s="2" t="s">
        <v>260</v>
      </c>
      <c r="D220" s="7"/>
      <c r="E220" s="1"/>
      <c r="F220" s="1"/>
      <c r="G220" s="4">
        <v>44152</v>
      </c>
      <c r="H220" s="5" t="s">
        <v>429</v>
      </c>
    </row>
    <row r="221" spans="1:8" x14ac:dyDescent="0.15">
      <c r="A221" s="1" t="s">
        <v>62</v>
      </c>
      <c r="B221" s="1" t="s">
        <v>656</v>
      </c>
      <c r="C221" s="2" t="s">
        <v>77</v>
      </c>
      <c r="D221" s="7"/>
      <c r="E221" s="1" t="s">
        <v>715</v>
      </c>
      <c r="F221" s="1" t="s">
        <v>56</v>
      </c>
      <c r="G221" s="4">
        <v>44154</v>
      </c>
      <c r="H221" s="5" t="s">
        <v>268</v>
      </c>
    </row>
    <row r="222" spans="1:8" x14ac:dyDescent="0.15">
      <c r="A222" s="1" t="s">
        <v>62</v>
      </c>
      <c r="B222" s="1" t="s">
        <v>393</v>
      </c>
      <c r="C222" s="2" t="s">
        <v>430</v>
      </c>
      <c r="D222" s="7"/>
      <c r="E222" s="1" t="s">
        <v>86</v>
      </c>
      <c r="F222" s="1" t="s">
        <v>3</v>
      </c>
      <c r="G222" s="4">
        <v>44235</v>
      </c>
      <c r="H222" s="5" t="s">
        <v>356</v>
      </c>
    </row>
    <row r="223" spans="1:8" x14ac:dyDescent="0.15">
      <c r="A223" s="1" t="s">
        <v>62</v>
      </c>
      <c r="B223" s="1" t="s">
        <v>699</v>
      </c>
      <c r="C223" s="2" t="s">
        <v>152</v>
      </c>
      <c r="D223" s="7"/>
      <c r="E223" s="1" t="s">
        <v>131</v>
      </c>
      <c r="F223" s="1" t="s">
        <v>233</v>
      </c>
      <c r="G223" s="4">
        <v>44244</v>
      </c>
      <c r="H223" s="5" t="s">
        <v>382</v>
      </c>
    </row>
    <row r="224" spans="1:8" x14ac:dyDescent="0.15">
      <c r="A224" s="1" t="s">
        <v>62</v>
      </c>
      <c r="B224" s="1" t="s">
        <v>95</v>
      </c>
      <c r="C224" s="2" t="s">
        <v>19</v>
      </c>
      <c r="D224" s="7"/>
      <c r="E224" s="1" t="s">
        <v>716</v>
      </c>
      <c r="F224" s="1" t="s">
        <v>640</v>
      </c>
      <c r="G224" s="4">
        <v>44335</v>
      </c>
      <c r="H224" s="5" t="s">
        <v>594</v>
      </c>
    </row>
    <row r="225" spans="1:8" x14ac:dyDescent="0.15">
      <c r="A225" s="1" t="s">
        <v>463</v>
      </c>
      <c r="B225" s="1" t="s">
        <v>506</v>
      </c>
      <c r="C225" s="2" t="s">
        <v>700</v>
      </c>
      <c r="D225" s="7"/>
      <c r="E225" s="1" t="s">
        <v>701</v>
      </c>
      <c r="F225" s="1" t="s">
        <v>700</v>
      </c>
      <c r="G225" s="4">
        <v>44354</v>
      </c>
      <c r="H225" s="9" t="s">
        <v>702</v>
      </c>
    </row>
    <row r="226" spans="1:8" x14ac:dyDescent="0.15">
      <c r="A226" s="1" t="s">
        <v>62</v>
      </c>
      <c r="B226" s="1" t="s">
        <v>17</v>
      </c>
      <c r="C226" s="2" t="s">
        <v>219</v>
      </c>
      <c r="D226" s="7"/>
      <c r="E226" s="1" t="s">
        <v>86</v>
      </c>
      <c r="F226" s="1" t="s">
        <v>87</v>
      </c>
      <c r="G226" s="4">
        <v>44424</v>
      </c>
      <c r="H226" s="5" t="s">
        <v>702</v>
      </c>
    </row>
    <row r="227" spans="1:8" x14ac:dyDescent="0.15">
      <c r="A227" s="1" t="s">
        <v>62</v>
      </c>
      <c r="B227" s="1" t="s">
        <v>227</v>
      </c>
      <c r="C227" s="2" t="s">
        <v>565</v>
      </c>
      <c r="D227" s="7"/>
      <c r="E227" s="1" t="s">
        <v>131</v>
      </c>
      <c r="F227" s="1" t="s">
        <v>233</v>
      </c>
      <c r="G227" s="4">
        <v>44467</v>
      </c>
      <c r="H227" s="5" t="s">
        <v>611</v>
      </c>
    </row>
    <row r="228" spans="1:8" x14ac:dyDescent="0.15">
      <c r="A228" s="1" t="s">
        <v>62</v>
      </c>
      <c r="B228" s="1" t="s">
        <v>703</v>
      </c>
      <c r="C228" s="2" t="s">
        <v>565</v>
      </c>
      <c r="D228" s="7"/>
      <c r="E228" s="1" t="s">
        <v>131</v>
      </c>
      <c r="F228" s="1" t="s">
        <v>233</v>
      </c>
      <c r="G228" s="4">
        <v>44491</v>
      </c>
      <c r="H228" s="5" t="s">
        <v>497</v>
      </c>
    </row>
    <row r="229" spans="1:8" x14ac:dyDescent="0.15">
      <c r="A229" s="1" t="s">
        <v>62</v>
      </c>
      <c r="B229" s="1" t="s">
        <v>704</v>
      </c>
      <c r="C229" s="2" t="s">
        <v>454</v>
      </c>
      <c r="D229" s="7"/>
      <c r="E229" s="1" t="s">
        <v>697</v>
      </c>
      <c r="F229" s="1" t="s">
        <v>139</v>
      </c>
      <c r="G229" s="4">
        <v>44501</v>
      </c>
      <c r="H229" s="5" t="s">
        <v>117</v>
      </c>
    </row>
    <row r="230" spans="1:8" x14ac:dyDescent="0.15">
      <c r="A230" s="1" t="s">
        <v>60</v>
      </c>
      <c r="B230" s="1" t="s">
        <v>257</v>
      </c>
      <c r="C230" s="2" t="s">
        <v>210</v>
      </c>
      <c r="D230" s="7"/>
      <c r="E230" s="1" t="s">
        <v>218</v>
      </c>
      <c r="F230" s="1" t="s">
        <v>388</v>
      </c>
      <c r="G230" s="4">
        <v>44572</v>
      </c>
      <c r="H230" s="10">
        <v>305</v>
      </c>
    </row>
    <row r="231" spans="1:8" x14ac:dyDescent="0.15">
      <c r="A231" s="1" t="s">
        <v>60</v>
      </c>
      <c r="B231" s="1" t="s">
        <v>79</v>
      </c>
      <c r="C231" s="2" t="s">
        <v>705</v>
      </c>
      <c r="D231" s="7"/>
      <c r="E231" s="1"/>
      <c r="F231" s="1"/>
      <c r="G231" s="8">
        <v>44625</v>
      </c>
      <c r="H231" s="5">
        <v>307</v>
      </c>
    </row>
    <row r="232" spans="1:8" x14ac:dyDescent="0.15">
      <c r="A232" s="1" t="s">
        <v>62</v>
      </c>
      <c r="B232" s="1" t="s">
        <v>680</v>
      </c>
      <c r="C232" s="2" t="s">
        <v>15</v>
      </c>
      <c r="D232" s="7" t="s">
        <v>39</v>
      </c>
      <c r="E232" s="1" t="s">
        <v>131</v>
      </c>
      <c r="F232" s="1" t="s">
        <v>233</v>
      </c>
      <c r="G232" s="4">
        <v>44635</v>
      </c>
      <c r="H232" s="5">
        <v>306</v>
      </c>
    </row>
    <row r="233" spans="1:8" x14ac:dyDescent="0.15">
      <c r="A233" s="1" t="s">
        <v>62</v>
      </c>
      <c r="B233" s="1" t="s">
        <v>717</v>
      </c>
      <c r="C233" s="2" t="s">
        <v>621</v>
      </c>
      <c r="D233" s="7"/>
      <c r="E233" s="1" t="s">
        <v>536</v>
      </c>
      <c r="F233" s="1" t="s">
        <v>689</v>
      </c>
      <c r="G233" s="4">
        <v>44830</v>
      </c>
      <c r="H233" s="5">
        <v>308</v>
      </c>
    </row>
    <row r="234" spans="1:8" x14ac:dyDescent="0.15">
      <c r="A234" s="1" t="s">
        <v>60</v>
      </c>
      <c r="B234" s="1" t="s">
        <v>718</v>
      </c>
      <c r="C234" s="2" t="s">
        <v>719</v>
      </c>
      <c r="D234" s="7"/>
      <c r="E234" s="1" t="s">
        <v>218</v>
      </c>
      <c r="F234" s="1" t="s">
        <v>388</v>
      </c>
      <c r="G234" s="4">
        <v>44887</v>
      </c>
      <c r="H234" s="5">
        <v>309</v>
      </c>
    </row>
    <row r="235" spans="1:8" x14ac:dyDescent="0.15">
      <c r="A235" s="1" t="s">
        <v>62</v>
      </c>
      <c r="B235" s="1" t="s">
        <v>357</v>
      </c>
      <c r="C235" s="2" t="s">
        <v>405</v>
      </c>
      <c r="D235" s="7"/>
      <c r="E235" s="1" t="s">
        <v>720</v>
      </c>
      <c r="F235" s="1" t="s">
        <v>233</v>
      </c>
      <c r="G235" s="11">
        <v>45352</v>
      </c>
      <c r="H235" s="5">
        <v>311</v>
      </c>
    </row>
    <row r="236" spans="1:8" x14ac:dyDescent="0.15">
      <c r="A236" s="1" t="s">
        <v>62</v>
      </c>
      <c r="B236" s="1" t="s">
        <v>225</v>
      </c>
      <c r="C236" s="2" t="s">
        <v>632</v>
      </c>
      <c r="D236" s="7"/>
      <c r="E236" s="1" t="s">
        <v>536</v>
      </c>
      <c r="F236" s="1" t="s">
        <v>380</v>
      </c>
      <c r="G236" s="11">
        <v>45596</v>
      </c>
      <c r="H236" s="5">
        <v>312</v>
      </c>
    </row>
    <row r="237" spans="1:8" x14ac:dyDescent="0.15">
      <c r="A237" s="1" t="s">
        <v>62</v>
      </c>
      <c r="B237" s="1" t="s">
        <v>602</v>
      </c>
      <c r="C237" s="2" t="s">
        <v>723</v>
      </c>
      <c r="D237" s="7"/>
      <c r="E237" s="1" t="s">
        <v>722</v>
      </c>
      <c r="F237" s="1" t="s">
        <v>200</v>
      </c>
      <c r="G237" s="4">
        <v>45616</v>
      </c>
      <c r="H237" s="5">
        <v>313</v>
      </c>
    </row>
    <row r="238" spans="1:8" x14ac:dyDescent="0.15">
      <c r="A238" s="1" t="s">
        <v>62</v>
      </c>
      <c r="B238" s="1" t="s">
        <v>724</v>
      </c>
      <c r="C238" s="2" t="s">
        <v>498</v>
      </c>
      <c r="D238" s="7"/>
      <c r="E238" s="1" t="s">
        <v>372</v>
      </c>
      <c r="F238" s="1" t="s">
        <v>318</v>
      </c>
      <c r="G238" s="4">
        <v>45651</v>
      </c>
      <c r="H238" s="5">
        <v>314</v>
      </c>
    </row>
    <row r="239" spans="1:8" x14ac:dyDescent="0.15">
      <c r="A239" s="1" t="s">
        <v>60</v>
      </c>
      <c r="B239" s="1" t="s">
        <v>727</v>
      </c>
      <c r="C239" s="2" t="s">
        <v>725</v>
      </c>
      <c r="D239" s="7"/>
      <c r="E239" s="1" t="s">
        <v>726</v>
      </c>
      <c r="F239" s="1" t="s">
        <v>588</v>
      </c>
      <c r="G239" s="4">
        <v>45706</v>
      </c>
      <c r="H239" s="5">
        <v>315</v>
      </c>
    </row>
    <row r="240" spans="1:8" x14ac:dyDescent="0.15">
      <c r="A240" s="1" t="s">
        <v>62</v>
      </c>
      <c r="B240" s="1" t="s">
        <v>728</v>
      </c>
      <c r="C240" s="2" t="s">
        <v>133</v>
      </c>
      <c r="D240" s="7"/>
      <c r="E240" s="1" t="s">
        <v>495</v>
      </c>
      <c r="F240" s="1" t="s">
        <v>115</v>
      </c>
      <c r="G240" s="4">
        <v>45805</v>
      </c>
      <c r="H240" s="5">
        <v>316</v>
      </c>
    </row>
  </sheetData>
  <sortState xmlns:xlrd2="http://schemas.microsoft.com/office/spreadsheetml/2017/richdata2" ref="A2:H241">
    <sortCondition ref="G2:G241"/>
  </sortState>
  <phoneticPr fontId="3"/>
  <conditionalFormatting sqref="B236:E236 G236:H237 B237:D237">
    <cfRule type="expression" dxfId="0" priority="1">
      <formula>#REF!&lt;&gt;""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クリーニング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竹中　奈津希</cp:lastModifiedBy>
  <cp:lastPrinted>2025-05-26T05:14:53Z</cp:lastPrinted>
  <dcterms:created xsi:type="dcterms:W3CDTF">2020-01-30T23:56:00Z</dcterms:created>
  <dcterms:modified xsi:type="dcterms:W3CDTF">2025-10-16T01:55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5.0.6.0</vt:lpwstr>
    </vt:vector>
  </property>
  <property fmtid="{DCFEDD21-7773-49B2-8022-6FC58DB5260B}" pid="3" name="LastSavedVersion">
    <vt:lpwstr>5.0.6.0</vt:lpwstr>
  </property>
  <property fmtid="{DCFEDD21-7773-49B2-8022-6FC58DB5260B}" pid="4" name="LastSavedDate">
    <vt:filetime>2025-08-28T07:21:31Z</vt:filetime>
  </property>
</Properties>
</file>